
<file path=[Content_Types].xml><?xml version="1.0" encoding="utf-8"?>
<Types xmlns="http://schemas.openxmlformats.org/package/2006/content-types">
  <Default Extension="bin" ContentType="application/vnd.openxmlformats-officedocument.spreadsheetml.printerSettings"/>
  <Default Extension="wmf" ContentType="image/x-w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wmf"/><Relationship Id="rId1" Type="http://schemas.openxmlformats.org/officeDocument/2006/relationships/officeDocument" Target="xl/workbook.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1321\group\01_調整グループ\02_バリアフリーの街づくり\001_例規等\03_条例施行規則改正（整備基準改正）\01_第１回\04_資料\委員送付\"/>
    </mc:Choice>
  </mc:AlternateContent>
  <bookViews>
    <workbookView xWindow="0" yWindow="0" windowWidth="28800" windowHeight="12432"/>
  </bookViews>
  <sheets>
    <sheet name="条文版 " sheetId="2" r:id="rId1"/>
  </sheets>
  <definedNames>
    <definedName name="_xlnm._FilterDatabase" localSheetId="0" hidden="1">'条文版 '!$D$1:$D$776</definedName>
    <definedName name="_xlnm.Print_Area" localSheetId="0">'条文版 '!$A$1:$L$748</definedName>
    <definedName name="_xlnm.Print_Titles" localSheetId="0">'条文版 '!$1:$1</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568" uniqueCount="1366">
  <si>
    <t>整　備　基　準</t>
  </si>
  <si>
    <t>望ましい水準</t>
  </si>
  <si>
    <t>「不特定多数の者が利用し、又は主として障害者等が利用する」の意義は、高齢者、障害者等の移動等の円滑化の促進に関する法律の例による。なお、共同住宅については、同じく「多数の者が利用する」とする。</t>
  </si>
  <si>
    <t>ア　表面の仕上げ</t>
  </si>
  <si>
    <t>表面は、粗面とし、又は滑りにくい材料で仕上げること。</t>
  </si>
  <si>
    <t>ノンスリップ加工を施す等、雨滴等による濡れた状態でも滑りにくい仕上げ、材料を選択すること。</t>
  </si>
  <si>
    <t>石畳やれんが敷きでは、表面に凹凸がある材料は避け、目地部にも段差が生じないよう施工すること。</t>
  </si>
  <si>
    <t>イ　段</t>
  </si>
  <si>
    <t>ウ　傾斜路</t>
  </si>
  <si>
    <t>傾斜路は、次に掲げるものであること。</t>
  </si>
  <si>
    <t>傾斜路の上端、下端又は傾斜路全体を、注意喚起のため、通路の他の部分と色彩、色相又は明度、輝度比等に差がある材料で仕上げること。</t>
  </si>
  <si>
    <t>(2)　道又は公園、広場その他の空き地（以下「道等」という。）から不特定かつ多数の者が利用し、又は主として障害者等が利用する居室（以下「利用居室」という。）まで及び駐車場から利用居室又は道等までの経路のうち、それぞれ１以上の経路を障害者等が円滑に利用できる経路（以下「主たる経路」という。）とし、当該主たる経路を構成する敷地内の通路は、(1)に定めるほか、次に掲げるものであること。</t>
  </si>
  <si>
    <t>「主たる経路」とは、高齢者、障害者等の移動等の円滑化の促進に関する法律施行令第18条に規定する移動等円滑化経路に該当し、この場合、居室には10の項に定める等の客室等を含む。</t>
  </si>
  <si>
    <t>ア　有効幅員</t>
  </si>
  <si>
    <t>有効幅員（内のりをいう。以下同じ。）は、140センチメートル以上とすること。</t>
  </si>
  <si>
    <t>段がある部分及び傾斜路を除き、幅は、180センチメートル以上とすること。</t>
  </si>
  <si>
    <t>イ　階段、段</t>
  </si>
  <si>
    <t>階段又は段を設けないこと。ただし、傾斜路又は７の項に定める構造のエレベーター及びそれ以外の昇降機（高齢者、障害者等の移動等の円滑化の促進に関する法律施行令（平成18年政令第379号。以下、「政令」という。）第18条第２項第６号に規定する車いす使用者が円滑に利用することができるものとして国土交通大臣が定める構造のものに限る。）（以下「エレベーター等」という。）を併設する場合は、この限りでない。</t>
  </si>
  <si>
    <t>(ｱ)有効幅員は、段に代わるものにあっては140センチメートル以上、段に併設するものにあっては90センチメートル以上とすること。</t>
  </si>
  <si>
    <t>(ｲ）こう配は、12分の１を超えないこと。ただし、高さが16センチメートル以下のものにあっては、８分の１を超えないこと。</t>
  </si>
  <si>
    <t>傾斜路は次に掲げるものであること</t>
  </si>
  <si>
    <t>エ　戸</t>
  </si>
  <si>
    <t>戸を設ける場合には、次に掲げるものであること。</t>
  </si>
  <si>
    <t>オ　排水溝の溝ぶた</t>
  </si>
  <si>
    <t>排水溝を設ける場合は、盲人安全つえ、車いすのキャスター等（以下「つえ等」という。）が落ち込まない構造の溝ぶたを設けること。</t>
  </si>
  <si>
    <t>　不特定かつ多数の者が利用し、又は主として障害者等が利用する傾斜路（階段に代わり、又はこれに併設するものに限る。）を設ける場合は、次に定める構造とすること。</t>
  </si>
  <si>
    <t>(1) 有効幅員</t>
  </si>
  <si>
    <t>(2) 縦断こう配</t>
  </si>
  <si>
    <t>縦断こう配は、1/15を超えないこと。</t>
  </si>
  <si>
    <t>(3) 踊場</t>
  </si>
  <si>
    <t>(4) 転落防止装置</t>
  </si>
  <si>
    <t>両側には、側壁又は高さ５センチメートル以上の立ち上がり部を設けること。ただし、側面が壁面である場合は、この限りでない。</t>
  </si>
  <si>
    <t>手すりを適切な高さに設けること。</t>
  </si>
  <si>
    <t>(6) 表面の仕上げ</t>
  </si>
  <si>
    <t>(7) 廊下等</t>
  </si>
  <si>
    <t>(8) 端部の構造</t>
  </si>
  <si>
    <t>傾斜路の端部は、車いすの転回に支障がない構造とすること。</t>
  </si>
  <si>
    <t>　不特定かつ多数の者が利用し、又は主として障害者等が利用する駐車場（機械式駐車場を除く。以下同じ。）を設ける場合は、次に定める構造の車いす使用者の利用しやすい駐車区画（以下「車いす使用者用駐車区画」という。）を１（駐車台数の合計が100台を超えるときは、駐車台数の合計に100分の１を乗じて得た数。ただし、その数に１未満の端数があるときは、これを１に切り上げるものとする。）以上設けること。ただし、別表第１の８の項に掲げる公共的施設のうち寄宿舎及び用途面積が2,000平方メートル未満の共同住宅（以下「小規模共同住宅」という。）並びに同表の９の項及び16の項に掲げる公共的施設にあっては、この限りでない。</t>
  </si>
  <si>
    <t>駐車場には、施設に附属する駐車場、路外駐車場の双方が含まれる。</t>
  </si>
  <si>
    <t>(1) 区画の幅</t>
  </si>
  <si>
    <t>幅は、350センチメートル以上とすること。</t>
  </si>
  <si>
    <t>標準的な車いす使用者用駐車区画は幅350センチメートル以上×奥行き500センチメートル以上である。</t>
  </si>
  <si>
    <t>(2) 設置場所</t>
  </si>
  <si>
    <t>駐車場の出入口又は４の項に定める構造の出入口等までの経路の長さができるだけ短くなる位置であって、水平な場所に設け、かつ、車いす使用者用駐車区画から４の項に定める構造の出入口等に至る通路のうち、１以上の通路は、１の項(2)に定める構造とすること。ただし、別表第１の２の項(3)の項に掲げる動物園等にあっては、車いす使用者用駐車区画から１の項(3)に定める構造の敷地内通路へ通ずる通路又は４の項に定める構造の出入口等に至る通路は、１の項(3)に定める構造とすること。</t>
  </si>
  <si>
    <t xml:space="preserve">(1) 主たる経路を構成する出入口のうち直接屋外へ通ずる主要な出入口、改札口及びレジ通路（以下「主要な出入口等」という。）を設ける場合は、次に定める構造の主要な出入口等をそれぞれ１以上設けること。 </t>
  </si>
  <si>
    <t>障害者等の通行の支障となるような段を設けないこと。</t>
  </si>
  <si>
    <t>ウ　戸の構造</t>
  </si>
  <si>
    <t>エ　床面の仕上げ</t>
  </si>
  <si>
    <t>床面は、滑りにくい材料で仕上げること。</t>
  </si>
  <si>
    <t>ノンスリップ加工を施す等、濡れた状態でも滑りにくい仕上げ、材料を選択すること。</t>
  </si>
  <si>
    <t>ひとつの居室に複数の出入口がある場合は、１以上の出入口の整備が必要となる。</t>
  </si>
  <si>
    <t>(1) 不特定かつ多数の者が利用し、又は主として障害者等が利用する廊下等の表面は、粗面とし、又は滑りにくい材料で仕上げること。</t>
  </si>
  <si>
    <t>(2) 主たる経路を構成する廊下等（７の項に定める構造のエレベーターを設ける場合にあっては、当該エレベーターの昇降路に至る廊下等を含む。）は、(1)に定めるほか、次に掲げるものであること。ただし、小規模無床診療所、小規模店舗及び小規模興行・遊興施設にあっては、この限りでない。</t>
  </si>
  <si>
    <t>有効幅員は、120センチメートル以上とすること。</t>
  </si>
  <si>
    <t>段を設けないこと。ただし、２の項に定める構造の傾斜路又はエレベーター等を設ける場合は、この限りでない。</t>
  </si>
  <si>
    <t>ウ　車いすスペースの転回スペース</t>
  </si>
  <si>
    <t>端部は、車いすの転回に支障のない構造とし、かつ、50メートル以内ごとに車いすの転回に支障がない場所を設けること。</t>
  </si>
  <si>
    <t>エ　手すりの設置</t>
  </si>
  <si>
    <t>オ　戸の構造</t>
  </si>
  <si>
    <t>不特定かつ多数の者が利用し、又は主として障害者等が利用する階段を設ける場合は、次に定める構造とすること。</t>
  </si>
  <si>
    <t>(1) 主たる階段の形状</t>
  </si>
  <si>
    <t>主たる階段は、回り階段としないこと。</t>
  </si>
  <si>
    <t>主たる階段とは、施設内の移動において主に利用される可能性の高いものをいう。</t>
  </si>
  <si>
    <t>(2) 階段の構造</t>
  </si>
  <si>
    <t>段鼻の突き出しその他のつまずきの原因となるものを設けない構造とすること。</t>
  </si>
  <si>
    <t>(3) 手すりの設置</t>
  </si>
  <si>
    <t>(4) 表面の仕上げ</t>
  </si>
  <si>
    <t>(5) 明度差等の確保</t>
  </si>
  <si>
    <t>踏面の端部とその周囲の部分との色の明度、色相又は彩度の差が大きいことにより段を容易に識別できるものとすること。</t>
  </si>
  <si>
    <t>高齢者や視覚障害者等が認知しやすいよう、明度、色相、彩度（輝度比の確保）に配慮する。</t>
  </si>
  <si>
    <t>ア　かご及び昇降路の出入口の構造</t>
  </si>
  <si>
    <t>かご及び昇降路の出入口の有効幅員は、80センチメートル以上とすること。</t>
  </si>
  <si>
    <t>イ　かごの大きさ</t>
  </si>
  <si>
    <t>エ　かご内の構造</t>
  </si>
  <si>
    <t>オ　かご内及び乗降ロビーの制御装置</t>
  </si>
  <si>
    <t>カ　制御装置の構造</t>
  </si>
  <si>
    <t>キ　位置表示の装置</t>
  </si>
  <si>
    <t>ク　出入口の戸の音声統治</t>
  </si>
  <si>
    <t>ケ　昇降方向表示の装置</t>
  </si>
  <si>
    <t>コ　昇降方向の音声装置</t>
  </si>
  <si>
    <t>サ　乗降ロビーの構造</t>
  </si>
  <si>
    <t>ア　出入口の構造</t>
  </si>
  <si>
    <t>イ　戸の構造</t>
  </si>
  <si>
    <t>ウ　接続する経路</t>
  </si>
  <si>
    <t>エ　便房の構造</t>
  </si>
  <si>
    <t>オ　乳幼児等の対応</t>
  </si>
  <si>
    <t>乳幼児用のベッド及びいすを設置するよう努めること。</t>
  </si>
  <si>
    <t>カ　空間の確保</t>
  </si>
  <si>
    <t>車いす使用者が円滑に利用することができる空間を確保すること。</t>
  </si>
  <si>
    <t>キ　床面の仕上げ</t>
  </si>
  <si>
    <t>ク　水洗器具</t>
  </si>
  <si>
    <t>障害者等が円滑に利用することができる構造の水洗器具を設けること。</t>
  </si>
  <si>
    <t>ケ　出入口の表示</t>
  </si>
  <si>
    <t>出入口には、だれもが利用できる旨を分かりやすい方法で表示すること。</t>
  </si>
  <si>
    <t>(2) 不特定かつ多数の者が利用し、又は主として障害者等が利用する便所（みんなのトイレ（(1)ただし書きの場合を含む。）のみで構成されているものを除く。）を設ける場合は、次に定める構造の便所を１以上（男女用の区別があるときは、それぞれ１以上）設けること。</t>
  </si>
  <si>
    <t>(1)のみんなのトイレ（ただし書きの場合を含む）が２箇所以上設置されている場合は、２箇所目については、(2)に定める構造の便所を整備したものとみなす。</t>
  </si>
  <si>
    <t>便所の出入口の有効幅員は、80センチメートル以上とすること。</t>
  </si>
  <si>
    <t>便所及び便房の出入口の戸は、１の項(2)エ(ｲ)に掲げるものであること。</t>
  </si>
  <si>
    <t>ウ　床面の仕上げ</t>
  </si>
  <si>
    <t>障害者等が円滑に利用できる構造の腰掛便座及び手すりを適切に配置し、４の項(2)に定める構造の出入口を設けた便房を１以上設けること。</t>
  </si>
  <si>
    <t>オ　男子用小便器の構造</t>
  </si>
  <si>
    <t>男子用小便器を設ける場合は、手すり付きの床置式の小便器、壁掛式の小便器（受け口の高さが35センチメートル以下のものに限る。）その他これらに類する小便器を１以上設けること。</t>
  </si>
  <si>
    <t>カ　洗面器の構造</t>
  </si>
  <si>
    <t>障害者等が円滑に利用できる構造とし、かつ、手すり及び鏡を適切に配置した洗面器を１以上設けること。</t>
  </si>
  <si>
    <t>別表第１の３の項に掲げる医療施設（無床診療所を除く。）、４の項、10の項、11の項及び13の項に掲げる公共的施設において、不特定かつ多数の者が利用し、又は主として障害者等が利用する浴室、シャワー室等を設ける場合は、次に定める構造の浴室、シャワー室をそれぞれ１以上（男女用の区別があるときは、それぞれ１以上）設けること。</t>
  </si>
  <si>
    <t>(1) 出入口の構造</t>
  </si>
  <si>
    <t>出入口は、次に掲げるものであること。</t>
  </si>
  <si>
    <t>(2) 浴槽等の設置</t>
  </si>
  <si>
    <t>浴槽、シャワー、手すり等が適切に配置されていること。</t>
  </si>
  <si>
    <t>(3) 空間の確保</t>
  </si>
  <si>
    <t>車いす使用者が円滑に利用することができるよう十分な空間が確保されていること。</t>
  </si>
  <si>
    <t>浴室室内で車いす使用者が回転できるスペース（径150センチメートル以上）を確保する。</t>
  </si>
  <si>
    <t>(4) 床面の仕上げ</t>
  </si>
  <si>
    <t>別表第１の４の項及び10の項に掲げる公共的施設において、不特定かつ多数の者が利用し、又は主として障害者等が利用する客室を設ける場合は、次に定める構造の客室を１（客室数の合計が100室を超えるときは、客室数の合計に100分の１を乗じて得た数、ただし、その数に１未満の端数があるときは、これを１に切り上げるものとする。）以上設けること。</t>
  </si>
  <si>
    <t>(2) 床面の仕上げ</t>
  </si>
  <si>
    <t>(4) 客室の広さ</t>
  </si>
  <si>
    <t>車いす使用者が円滑に移動し、回転できるように十分な広さを確保すること。</t>
  </si>
  <si>
    <t>(5) ベットの高さ</t>
  </si>
  <si>
    <t>ベッドを設ける場合は、車いすの座面の高さと同程度の高さを確保すること。</t>
  </si>
  <si>
    <t>(6) 便所の構造</t>
  </si>
  <si>
    <t>便所は、次に掲げるものであること。ただし、別表第１の４の項に掲げる公共的施設において客室の外部にみんなのトイレを設ける場合及び別表第１の10の項に掲げる公共的施設において当該客室が設けられている階に不特定かつ多数の者が利用する便所（車いす使用者用便房が設けられたものに限る。）が１以上（男子用及び女子用の区別があるときは、それぞれ１以上）設けられている場合は、この限りでない。</t>
  </si>
  <si>
    <t>８の項(1)に定める便所（みんなのトイレ）ほどの床面積までは要求しないが、少なくとも車いすに乗ったまま進入し、利用できる構造とすること。</t>
  </si>
  <si>
    <t>(7) 浴室の構造</t>
  </si>
  <si>
    <t>浴室、シャワー室等は、次に掲げるものであること。ただし、当該客室が設けられている建築物に不特定かつ多数の者が利用する浴室、シャワー室等（次に掲げるものに限る。）が１以上（男子用及び女子用の区別があるときは、それぞれ１以上）設けられている場合は、この限りでない。</t>
  </si>
  <si>
    <t>(1) 車いす使用者用客席の設置</t>
  </si>
  <si>
    <t>(2) 舞台への経路</t>
  </si>
  <si>
    <t>障害者等が支障なく客席又は舞台そで口から舞台に上がることができるような経路をそれぞれ１以上確保すること。</t>
  </si>
  <si>
    <t>(1) 車いす使用者用駐車区画等の標識の設置</t>
  </si>
  <si>
    <t>(2) 案内板その他の設備の設置</t>
  </si>
  <si>
    <t>　非常時に障害者等が安全に外部に出られるように、次に定める構造とすること。</t>
  </si>
  <si>
    <t>(1) 非常口の構造</t>
  </si>
  <si>
    <t>(2) 非常口等における点滅灯等の設置</t>
  </si>
  <si>
    <t>　カウンター及び記載台又は公衆電話台を設ける場合は、次に定める構造のカウンター及び記載台又は公衆電話台をそれぞれ１以上設けること。ただし、無床診療所、小規模店舗、小規模興行・遊興施設及び別表第１の８の項に掲げる共同住宅にあっては、この限りでない。</t>
  </si>
  <si>
    <t>(1) カウンター等の構造</t>
  </si>
  <si>
    <t>(2) 公衆電話機の構造</t>
  </si>
  <si>
    <t>(1) 視覚障害者用誘導ブロックの敷設等</t>
  </si>
  <si>
    <t>ア　視覚障害者用誘導ブロックの敷設</t>
  </si>
  <si>
    <t>イ　敷地内通路</t>
  </si>
  <si>
    <t>(2) 傾斜路等の敷設</t>
  </si>
  <si>
    <t>ア　傾斜路等の上端及び下端</t>
  </si>
  <si>
    <t>イ　踊場</t>
  </si>
  <si>
    <t>ウ　主要な出入口等の戸の構造</t>
  </si>
  <si>
    <t>エ　階段の上端及び下端</t>
  </si>
  <si>
    <t>オ　エスカレーターの端部等</t>
  </si>
  <si>
    <t>(3) 手すりへの点字その他の案内設備の設置</t>
  </si>
  <si>
    <t>(4) 出入口への点字その他の案内設備の設置</t>
  </si>
  <si>
    <t>(5) エスカレーターのくし板</t>
  </si>
  <si>
    <t>聴覚障害者が安全かつ円滑に利用できるように、次のように整備すること。</t>
  </si>
  <si>
    <t>(1) 文字情報表示設備の設置</t>
  </si>
  <si>
    <t>(2) 文字表示設備の設置</t>
  </si>
  <si>
    <t>別表第１の１の項、２の（(2)から(4)までの用に供するものに限る。）及び４の項に掲げる公共的施設において、利用者の利用に供する会議室を設ける場合は、スクリーン等を備え、スクリーン等に文字を映し出せる機器を設けること。</t>
  </si>
  <si>
    <t>(3) 難聴者の聴力を補う設備の設置</t>
  </si>
  <si>
    <t>別表第１の１の項、２の項、４の項及び13の項から15の項までに掲げる公共的施設において、利用者の利用に供する客席を設ける場合は、難聴者の聴力を補う設備を設けるよう努めること。</t>
  </si>
  <si>
    <t>(4) 手話通訳者の配置</t>
  </si>
  <si>
    <t>別表第１の１の項に掲げる官公庁施設、２の項(2)に掲げる教育文化施設、３の項に掲げる医療施設（無床診療所を除く。）及び４の項に掲げる福祉施設において、受付等を設ける場合は、手話通訳者を配置するよう努めること。</t>
  </si>
  <si>
    <t>　利用者の利用に供する休憩、授乳のための場所等を設けるように努めること。</t>
  </si>
  <si>
    <r>
      <t>別表第１の３の項に掲げる医療施</t>
    </r>
    <r>
      <rPr>
        <sz val="9"/>
        <rFont val="ＭＳ 明朝"/>
        <family val="1"/>
        <charset val="128"/>
      </rPr>
      <t>設（</t>
    </r>
    <r>
      <rPr>
        <sz val="8"/>
        <rFont val="ＭＳ ゴシック"/>
        <family val="3"/>
        <charset val="128"/>
      </rPr>
      <t>無床診療所を除く。）及び５の項（(1)又は(2)の用に供するものに限る。）に掲げる商業施設において、利用者（施設を利用し、当該施設においてサービス等の提供を受ける者をいう。以下同じ。）の案内、呼び出しのための窓口等を設ける場合は、文字により情報を表示する設備を１以上の窓口等に設けること。</t>
    </r>
  </si>
  <si>
    <t>１　敷地内通路等</t>
    <rPh sb="2" eb="4">
      <t>シキチ</t>
    </rPh>
    <rPh sb="4" eb="5">
      <t>ナイ</t>
    </rPh>
    <rPh sb="5" eb="7">
      <t>ツウロ</t>
    </rPh>
    <rPh sb="7" eb="8">
      <t>トウ</t>
    </rPh>
    <phoneticPr fontId="1"/>
  </si>
  <si>
    <t>解説</t>
  </si>
  <si>
    <t>(ｱ)こう配が12分の１を超え、又は高さが16センチメートルを超え、かつ、こう配が20分の１を超える傾斜がある部分には、手すりを設けること。</t>
  </si>
  <si>
    <t>(ｲ)その前後の通路との色の明度、色相又は彩度の差が大きいことによりその存在を容易に識別できるものとすること。</t>
  </si>
  <si>
    <t>・幅は段に代わるものにあっては150センチメートル以上、段に併設するものにあっては120センチメートル以上とすること。</t>
  </si>
  <si>
    <t>・縦断こう配は15分の１を超えないこと。</t>
  </si>
  <si>
    <t>(ｳ)高さが７５センチメートルを超えるもの（こう配が20分の１を超えるものに限る。）にあっては、高さ75センチメートル以内ごとに踏幅が150センチメートル以上の踊場を設けること。</t>
  </si>
  <si>
    <t>有効幅員は、120センチメートル以上とすること。ただし、６の項に定める構造の段に併設するものにあっては、90センチメートル以上とすることができる。</t>
  </si>
  <si>
    <t>有効幅員は、150センチメートル以上（段を併設する場合は、120センチメートル以上）とすること。</t>
  </si>
  <si>
    <t>高低差が75センチメートルを超える場合は、75センチメートル以内ごとに踏幅が150センチメートル以上の踊場を設けること。</t>
  </si>
  <si>
    <t>・手すりは、両側に連続して設置すること。</t>
  </si>
  <si>
    <t>・床仕上げ面から手すりの上端までの高さは、原則として、２段の場合は、上段75～85センチメートル程度、下段60～65センチメートル程度とし、１段の場合は、75～85センチメートル程度とすること。</t>
  </si>
  <si>
    <t>・原則として、断面が円形（直径３～４センチメートル程度）か楕円型とすること。</t>
  </si>
  <si>
    <t>その前後の廊下等との色の明度、色相又は彩度の差が大きいことによりその存在を容易に識別できるものとすること。</t>
  </si>
  <si>
    <t>・有効幅員は、90センチメートル以上とすること。</t>
  </si>
  <si>
    <t>・ノンスリップ加工を施す等、雨滴等による濡れた状態でも滑りにくい仕上げ、材料を選択すること。</t>
  </si>
  <si>
    <t>・有効幅員は、180センチメートル以上とすること。ただし、末端の付近及び区間50メートル以内ごとに２人の車いす使用者がすれ違うことができる構造の部分を設ける場合は140センチメートル以上とすることができる。</t>
  </si>
  <si>
    <t>・主たる階段以外の階段においても回り階段は設けないこと。</t>
  </si>
  <si>
    <t>・かご及び昇降路の出入口の有効幅員は、90センチメートル以上とすること。</t>
  </si>
  <si>
    <t>・かごの内のり幅は160センチメートル以上、内のり奥行きは135センチメートル以上とすること。</t>
  </si>
  <si>
    <t>戸は、障害者等が円滑に利用できる構造とし、戸の開閉時間を制御する装置を設けること。</t>
  </si>
  <si>
    <t>かご内及び乗降ロビーには、車いす使用者が利用しやすい位置に制御装置を設けること。</t>
  </si>
  <si>
    <t>かご内及び乗降ロビーに設ける制御装置（車いす使用者が利用しやすい位置及びその他の位置に制御装置を設ける場合にあっては、当該その他の位置に設けるものに限る。）は、点字及び文字等の浮き彫り、音による案内等により視覚障害者が円滑に操作することができる構造とすること。</t>
  </si>
  <si>
    <t>かご内に、かごが停止する予定の階及びかごの現在位置を表示する装置を設けること。</t>
  </si>
  <si>
    <t>かご内に、かごが到着する階並びにかご及び昇降路の出入口の戸の閉鎖を音声により知らせる装置を設けること。</t>
  </si>
  <si>
    <t>かご内又は乗降ロビーに、到着するかごの昇降方向を音声により知らせる装置を設けること。</t>
  </si>
  <si>
    <t>乗降ロビーは、高低差がないものとし、その有効幅員及び有効奥行き（内のりをいう。）は、150センチメートル以上とすること。</t>
  </si>
  <si>
    <t>出入口の有効幅員は、80センチメートル以上とすること。</t>
  </si>
  <si>
    <t>出入口は、主たる経路に接続すること。</t>
  </si>
  <si>
    <t>腰掛便座、手すり、洗面器、鏡等を適切に配置すること。</t>
  </si>
  <si>
    <t>・便房内に子ども用の便器又は便座を併設すること。</t>
  </si>
  <si>
    <t>・車いす使用者だけでなく、だれもが利用できる便所である旨を点字等で表示すること</t>
  </si>
  <si>
    <t>・便所内の通路等は車いす使用者が利用できる幅員を十分に確保すること。</t>
  </si>
  <si>
    <t>・ノンスリップ加工を施す等、雨滴等による濡れた状態でも滑りにくい仕上げ、材料を選択すること</t>
  </si>
  <si>
    <t>ア有効幅員は、80センチメートル以上とすること。</t>
  </si>
  <si>
    <t>・有効幅員は90センチメートル以上とすること。</t>
  </si>
  <si>
    <t>・シャワー及び水栓は、座ったままで利用できるようにし、水栓はレバー式等操作のしやすいものとすること。</t>
  </si>
  <si>
    <t>・手すりは、一連の動作が円滑にできるよう連続して設けるなど配慮すること。</t>
  </si>
  <si>
    <t>・壁面に設置する場合は、壁と手すりのあきを４～５センチメートル程度とすること。</t>
  </si>
  <si>
    <t>・手すりの端部は、壁面側又は下方に巻き込むなど端部が突出しない構造とすること。</t>
  </si>
  <si>
    <t>・「別表第１の４の項及び10の項に掲げる公共的施設」とは、福祉施設および宿泊施設のことである。</t>
  </si>
  <si>
    <t>必要に応じて、手すりを設けること。</t>
  </si>
  <si>
    <t>ア便所内に車いす使用者用便房を設けること。</t>
  </si>
  <si>
    <t>(ｱ)有効幅員は、80センチメートル以上とすること。</t>
  </si>
  <si>
    <t>ア浴槽、シャワー、手すり等が適切に配置されていること。</t>
  </si>
  <si>
    <t>イ車いす使用者が円滑に利用することができるよう十分な空間が確保されていること。</t>
  </si>
  <si>
    <t>ウ出入口は、(6)イに掲げるものであること。</t>
  </si>
  <si>
    <t>ア１席当たりの幅は90センチメートル以上、奥行きは140センチメートル以上とすること。</t>
  </si>
  <si>
    <t>イ床面は、滑りにくい材料で仕上げること。</t>
  </si>
  <si>
    <t>障害者等が円滑に利用できるように、車いす使用者用駐車区画、エレベーター等又はみんなのトイレの付近には、それぞれ当該車いす使用者用駐車区画、エレベーター等又はみんなのトイレがあることを表示する標識を設けること。ただし、小規模無床診療所、小規模店舗、小規模共同住宅及び小規模興行・遊興施設並びに別表第１の７の項、８の項（寄宿舎の用に供するものに限る。）、９の項、12の項、16の項から18の項までに掲げる公共的施設にあっては、この限りでない。</t>
  </si>
  <si>
    <t>・公共的施設において標識及び案内設備を設ける場合にあっては、12の項に定める構造とすること。</t>
  </si>
  <si>
    <t>障害者等が円滑に利用できるよう案内板その他の設備を次のように設けること。ただし、案内所を設ける場合はこの限りでない。</t>
  </si>
  <si>
    <t>ア建築物（小規模無床診療所、小規模店舗、小規模共同住宅及び小規模興行・遊興施設並びに別表第１の７の項、８の項（寄宿舎の用に供するものに限る。）、９の項、12の項、16の項から18の項までに掲げる公共的施設を除く。以下(2)において同じ。）又はその敷地には、当該建築物又はその敷地内の車いす使用者用駐車区画、エレベーター等又はみんなのトイレの配置を表示した案内板その他の設備を設けること。ただし、当該車いす使用者用駐車区画、エレベーター等又はみんなのトイレの配置を容易に視認できる場合はこの限りでない。</t>
  </si>
  <si>
    <t>イ建築物又はその敷地には、当該建築物又はその敷地内のエレベーター等又はみんなのトイレの配置を点字及び文字等の浮き彫り、音声等（条例第４章の規定の適用を受ける特別特定建築物（高齢者、障害者等の移動等の円滑化の促進に関する法律（平成18年法律第91号）第２条第17項に規定する特別特定建築物及び条例第29条各号に掲げる同法第２条第16号に規定する特定建築物をいう。）以外の公共的施設にあっては、点字）により視覚障害者に示すための設備を設けること。</t>
  </si>
  <si>
    <t>非常口とするものについては、段を設けないこと。</t>
  </si>
  <si>
    <t>雨仕舞等による段差は、段と見なさない。</t>
  </si>
  <si>
    <t>非常口、廊下等及び階段の必要な箇所には、非常時を知らせる点滅灯又は点滅灯と連動した電光表示板を設けるよう努めること。</t>
  </si>
  <si>
    <t>一斉放送できる設備を設けるよう努めること。</t>
  </si>
  <si>
    <t>カウンター及び記載台又は公衆電話台の高さは、車いす使用者が利用しやすい高さとし、かつ、下部には、車いす使用者が円滑に利用できる構造のけこみを設けること。</t>
  </si>
  <si>
    <t>公衆電話機は、障害者等が円滑に利用できる構造とすること。</t>
  </si>
  <si>
    <t>視覚障害者の誘導を行うために、線状ブロック等（床面に敷設されるブロックその他これに類するものであって、線状の突起が設けられており、かつ、周囲の床面との色の明度、色相又は彩度の差が大きいことにより容易に識別できるものをいう。以下同じ。）及び点状ブロック等（床面に敷設されるブロックその他これに類するものであって、点状の突起が設けられており、かつ、周囲の床面との色の明度、色相又は彩度の差が大きいことにより容易に識別できるものをいう。以下同じ。）を適切に組み合わせて敷設し、又は音声その他の方法により視覚障害者を誘導する設備を設けること。ただし、進行方向を変更する必要がない風除室内においては、この限りでない。</t>
  </si>
  <si>
    <t>経路を構成する敷地内の通路の次に掲げる部分には、視覚障害者に対し警告を行うために、点状ブロック等を敷設すること。</t>
  </si>
  <si>
    <t>(ｱ)車路に近接する部分</t>
  </si>
  <si>
    <t>(ｲ)段がある部分又は傾斜（こう配が20分の１を超えないもの及び高さが16センチメートルを超えず、かつ、こう配が12分の１を超えないものを除く。）がある部分の上端に近接する部分</t>
  </si>
  <si>
    <t>次の場所（別表第１の８の項に掲げる公共的施設のうち、共同住宅（小規模共同住宅を除く。）にあっては、ア（６の項に定める構造の階段の上端に近接する廊下等の部分に限る。）及びエに掲げる場所に限る。）は、視覚障害者が円滑に利用できるように、点状ブロック等を敷設し、又は音声その他の方法により視覚障害者を誘導する設備を設けること。ただし、小規模無床診療所、小規模店舗、小規模共同住宅及び小規模興行・遊興施設並びに別表第１の７の項、８の項（寄宿舎の用に供するものに限る。）、９の項及び16の項に掲げる公共的施設にあっては、この限りでない。</t>
  </si>
  <si>
    <t>２の項に定める構造の傾斜路及び６の項に定める構造の階段の上端及び下端に近接する廊下等の部分</t>
  </si>
  <si>
    <t>６の項に定める構造の階段（駐車場に設けるものを除く。）の段がある部分の上端に近接する踊場の部分（段がある部分と連続して手すりを設ける場合はこの限りでない。）</t>
  </si>
  <si>
    <t>エスカレーターの端部等、特に視覚障害者の注意を喚起することが必要である場所</t>
  </si>
  <si>
    <t>２の項に定める構造の傾斜路、５の項に定める構造の廊下等及び６の項に定める構造の階段に設ける手すりの端部には、必要に応じて、点字その他の案内設備を設けること。</t>
  </si>
  <si>
    <t>８の項に定める構造の便所及び10の項に定める構造の客室の出入口には、点字その他の案内設備を設けること。</t>
  </si>
  <si>
    <t>エスカレーターを設ける場合には、くし板をステップ部と区別しやすい色とすること。</t>
  </si>
  <si>
    <t>・その他の公共的施設においても、音声での情報を提供する際は、文字による情報提供を行うこと。</t>
  </si>
  <si>
    <t>・その他の公共的施設においても会議室を設ける場合にあっては文字表示設備を設けること。</t>
  </si>
  <si>
    <t>・その他の公共的施設においても受付を設ける場合にあっては、手話通訳者を配置し、聴覚障害者への対応を図るようにすること。</t>
  </si>
  <si>
    <t>２　傾斜路</t>
    <rPh sb="2" eb="4">
      <t>ケイシャ</t>
    </rPh>
    <rPh sb="4" eb="5">
      <t>ロ</t>
    </rPh>
    <phoneticPr fontId="1"/>
  </si>
  <si>
    <t>３　駐車場</t>
    <rPh sb="2" eb="5">
      <t>チュウシャジョウ</t>
    </rPh>
    <phoneticPr fontId="1"/>
  </si>
  <si>
    <t>４　出入口等</t>
    <rPh sb="2" eb="5">
      <t>デイリグチ</t>
    </rPh>
    <rPh sb="5" eb="6">
      <t>トウ</t>
    </rPh>
    <phoneticPr fontId="1"/>
  </si>
  <si>
    <t>「改札口」とは、有料施設等の入場口を指し、「レジ通路」とは、スーパー等に設けられるような代金支払い時に通過する通路部分を指す。
「改札口及びレジ通路」には、屋外へ通ずるもののほか、屋内に設置するものも含む。</t>
    <phoneticPr fontId="1"/>
  </si>
  <si>
    <t>５　廊下等</t>
    <rPh sb="2" eb="4">
      <t>ロウカ</t>
    </rPh>
    <rPh sb="4" eb="5">
      <t>トウ</t>
    </rPh>
    <phoneticPr fontId="1"/>
  </si>
  <si>
    <t xml:space="preserve">
</t>
    <phoneticPr fontId="1"/>
  </si>
  <si>
    <t xml:space="preserve">
</t>
    <phoneticPr fontId="1"/>
  </si>
  <si>
    <t xml:space="preserve">
</t>
    <phoneticPr fontId="1"/>
  </si>
  <si>
    <t>６　階段</t>
    <rPh sb="2" eb="4">
      <t>カイダン</t>
    </rPh>
    <phoneticPr fontId="1"/>
  </si>
  <si>
    <t xml:space="preserve">・「別表第１の８の項、９の項、16の項及び18に掲げる公共的施設」とは、共同住宅、事務所、工場及び複合用途建築物のことをいう。
・措置を講じる場合には、例えば２階で行っている窓口業務内容を適宜１階で行える体制を整えている場合、代替手段により２階に上がることが可能な場合等が考えられるが、いずれの場合にも、措置が講じられていることが客観的にも明らかであることが必要である。
</t>
    <phoneticPr fontId="1"/>
  </si>
  <si>
    <t>７　エレベーター</t>
    <phoneticPr fontId="1"/>
  </si>
  <si>
    <t>８　便所</t>
    <rPh sb="2" eb="4">
      <t>ベンジョ</t>
    </rPh>
    <phoneticPr fontId="1"/>
  </si>
  <si>
    <t>ユニバーサルデザインの考え方に基づき、車いす使用者をはじめ誰もが利用しやすい「みんなのトイレ」を整備することとする。
ただし、高齢者、障害者等の移動等の円滑化の促進に関する法律等の考え方も踏まえ、主たる経路に接続して車いす使用者用便房やオストメイト対応便房の個別機能に応じた専用便房を設置し、誰もが利用しやすい便所を整備する場合はこの限りではない。なお、この場合でも、便房内にベビーベッド・ベビーチェアを設置し、より幅広い利用が可能となるよう努めること。</t>
    <phoneticPr fontId="1"/>
  </si>
  <si>
    <t>公共的施設においては、みんなのトイレを設けること。
・みんなのトイレは、各階ごとに設けるなど利用者の利用に配慮して複数設けること。（但し書き適用の場合も同じ）</t>
    <phoneticPr fontId="1"/>
  </si>
  <si>
    <t xml:space="preserve">・公共的施設においてみんなのトイレ以外のトイレを設ける場合にあっては、それぞれの階に1以上を８の項（2）に定める構造とすること。
</t>
    <phoneticPr fontId="1"/>
  </si>
  <si>
    <t>９　浴室、シャワー室等</t>
    <rPh sb="2" eb="4">
      <t>ヨクシツ</t>
    </rPh>
    <rPh sb="9" eb="10">
      <t>シツ</t>
    </rPh>
    <rPh sb="10" eb="11">
      <t>トウ</t>
    </rPh>
    <phoneticPr fontId="1"/>
  </si>
  <si>
    <t>・別表第１の４の項、10の項、11の項及び13の項に掲げる公共的施設」とは、福祉施設、宿泊施設、公衆浴場及び運動施設のことである。
・浴室、シャワー室等には、浴室、シャワー室のほか脱衣室、更衣室が含まれる。</t>
    <phoneticPr fontId="1"/>
  </si>
  <si>
    <t>(ｱ)手すりを設けること。</t>
    <phoneticPr fontId="1"/>
  </si>
  <si>
    <t>(ｲ)踏面の端部とその周囲の部分との色の明度、色相又は彩度の差が大きいことにより段を容易に識別できるものとすること。</t>
    <phoneticPr fontId="1"/>
  </si>
  <si>
    <t>(ｳ)段鼻の突き出しその他のつまずきの原因となるものを設けない構造とすること。</t>
    <phoneticPr fontId="1"/>
  </si>
  <si>
    <t>段がある部分は、次に掲げるものであること。</t>
    <phoneticPr fontId="1"/>
  </si>
  <si>
    <t>・有効幅員は90センチメートル以上とすること。</t>
    <phoneticPr fontId="1"/>
  </si>
  <si>
    <t>・シャワー及び水栓を設ける場合は、障害者等が円滑に利用できる構造とすること。</t>
    <phoneticPr fontId="1"/>
  </si>
  <si>
    <t>10　客室</t>
    <rPh sb="3" eb="4">
      <t>キャク</t>
    </rPh>
    <rPh sb="4" eb="5">
      <t>シツ</t>
    </rPh>
    <phoneticPr fontId="1"/>
  </si>
  <si>
    <t>イ車いす使用者用便房及び当該便房が設けられている便所の出入口は、次に掲げるものであること。</t>
    <phoneticPr fontId="1"/>
  </si>
  <si>
    <t>11　客席及び舞台</t>
    <rPh sb="3" eb="5">
      <t>キャクセキ</t>
    </rPh>
    <rPh sb="5" eb="6">
      <t>オヨ</t>
    </rPh>
    <rPh sb="7" eb="9">
      <t>ブタイ</t>
    </rPh>
    <phoneticPr fontId="1"/>
  </si>
  <si>
    <t>別表第１の１の項、２の項、４の項及び13の項から15の項までに掲げる公共的施設において、不特定多数の者又は主として障害者等の利用に供する客席及び舞台を設ける場合は、次に定める構造とすること。</t>
    <phoneticPr fontId="1"/>
  </si>
  <si>
    <t>総客席数、車いす使用者客席数には、固定式客席数のほか、可動式客席数を含む。</t>
    <phoneticPr fontId="1"/>
  </si>
  <si>
    <t>・車いすのＪＩＳ規格における最大値（全幅70センチメートル、全長120センチメートル）に余裕幅を加えたものだが、可動式の席に車いす使用者席を設けた場合はこの限りでない。</t>
    <phoneticPr fontId="1"/>
  </si>
  <si>
    <t xml:space="preserve">・公共的施設において客席及び舞台を設置する場合にあっては、11の項に定める構造とすること。
</t>
    <phoneticPr fontId="1"/>
  </si>
  <si>
    <t>12　案内板等</t>
    <rPh sb="3" eb="5">
      <t>アンナイ</t>
    </rPh>
    <rPh sb="5" eb="6">
      <t>バン</t>
    </rPh>
    <rPh sb="6" eb="7">
      <t>トウ</t>
    </rPh>
    <phoneticPr fontId="1"/>
  </si>
  <si>
    <t>13　誘導設備</t>
    <rPh sb="3" eb="5">
      <t>ユウドウ</t>
    </rPh>
    <rPh sb="5" eb="7">
      <t>セツビ</t>
    </rPh>
    <phoneticPr fontId="1"/>
  </si>
  <si>
    <t xml:space="preserve">
</t>
    <phoneticPr fontId="1"/>
  </si>
  <si>
    <t>14　カウンター及び記載台又は公衆電話台</t>
    <rPh sb="8" eb="9">
      <t>オヨ</t>
    </rPh>
    <rPh sb="10" eb="12">
      <t>キサイ</t>
    </rPh>
    <rPh sb="12" eb="13">
      <t>ダイ</t>
    </rPh>
    <rPh sb="13" eb="14">
      <t>マタ</t>
    </rPh>
    <rPh sb="15" eb="17">
      <t>コウシュウ</t>
    </rPh>
    <rPh sb="17" eb="19">
      <t>デンワ</t>
    </rPh>
    <rPh sb="19" eb="20">
      <t>ダイ</t>
    </rPh>
    <phoneticPr fontId="1"/>
  </si>
  <si>
    <t xml:space="preserve">・公共的施設においてカウンター及び記載台又は公衆電話台を設ける場合にあっては、14の項に定める構造とすること。
</t>
    <phoneticPr fontId="1"/>
  </si>
  <si>
    <t>15　視覚障害者の安全かつ円滑な利用に必要な設備</t>
    <rPh sb="3" eb="5">
      <t>シカク</t>
    </rPh>
    <rPh sb="5" eb="8">
      <t>ショウガイシャ</t>
    </rPh>
    <rPh sb="9" eb="11">
      <t>アンゼン</t>
    </rPh>
    <rPh sb="13" eb="15">
      <t>エンカツ</t>
    </rPh>
    <rPh sb="16" eb="18">
      <t>リヨウ</t>
    </rPh>
    <rPh sb="19" eb="21">
      <t>ヒツヨウ</t>
    </rPh>
    <rPh sb="22" eb="24">
      <t>セツビ</t>
    </rPh>
    <phoneticPr fontId="1"/>
  </si>
  <si>
    <t>・傾斜路の上端及び下端に敷設する点状ブロックの位置は、傾斜路の始終端部から30センチメートル程度離れた箇所とすること。
・階段の上端及び下端に敷設する点状ブロックの位置は、階段の始終端部から30センチメートル程度離れた箇所とすること。</t>
    <phoneticPr fontId="1"/>
  </si>
  <si>
    <t>・８の項(1)に定める構造の便所（みんなのトイレ）においては、現在位置や構造及びだれもが利用できる便所である旨を案内すること。
・８の項(2)に定める構造の便所においては、現在位置や構造及び男女の区別があるときは、当該区別を案内すること。
・10の項に定める構造の客室においては、現在位置及び部屋番号等を案内すること。
・点字による案内設備は、床から中心までの高さを140～150センチメートルとすること。
・点字は、はがれにくいものとすること。</t>
    <phoneticPr fontId="1"/>
  </si>
  <si>
    <t>16　聴覚障害者の安全かつ円滑な利用に必要な設備</t>
    <rPh sb="3" eb="5">
      <t>チョウカク</t>
    </rPh>
    <rPh sb="5" eb="8">
      <t>ショウガイシャ</t>
    </rPh>
    <rPh sb="9" eb="11">
      <t>アンゼン</t>
    </rPh>
    <rPh sb="13" eb="15">
      <t>エンカツ</t>
    </rPh>
    <rPh sb="16" eb="18">
      <t>リヨウ</t>
    </rPh>
    <rPh sb="19" eb="21">
      <t>ヒツヨウ</t>
    </rPh>
    <rPh sb="22" eb="24">
      <t>セツビ</t>
    </rPh>
    <phoneticPr fontId="1"/>
  </si>
  <si>
    <t>・「別表第１の１の項、２の項（(2)から(4)までの用に供するものに限る。）及び４の項に掲げる公共的施設」とは、官公庁施設、図書館等、動物園等、集会場及び福祉施設のことである。
・「文字を映し出せる機器」には、ＯＨＰ、パソコンプロジェクター等がある。</t>
    <phoneticPr fontId="1"/>
  </si>
  <si>
    <t>「別表第１の１の項、２の項、４の項及び13の項から15の項までに掲げる公共的施設」とは、官公庁施設、教育文化施設、福祉施設、運動施設、興行・遊興施設および展示施設のことである。
・「難聴者の聴力を補う設備」には、磁気ループ等を利用した集団補聴装置や、ＦＭ補聴装置、赤外線補聴装置、字幕、文字情報等を表示する装置等がある。</t>
    <phoneticPr fontId="1"/>
  </si>
  <si>
    <t>17　休憩、授乳場所等</t>
    <rPh sb="3" eb="5">
      <t>キュウケイ</t>
    </rPh>
    <rPh sb="6" eb="8">
      <t>ジュニュウ</t>
    </rPh>
    <rPh sb="8" eb="10">
      <t>バショ</t>
    </rPh>
    <rPh sb="10" eb="11">
      <t>トウ</t>
    </rPh>
    <phoneticPr fontId="1"/>
  </si>
  <si>
    <t>・「休憩、授乳のための場所等」には、休憩及び授乳場所のほか、おむつ替えの場所等が含まれる。
・休憩、授乳場所等の出入口の付近には、分かりやすい案内表示を行うこと。</t>
    <phoneticPr fontId="1"/>
  </si>
  <si>
    <t>移動円滑化基準</t>
    <rPh sb="0" eb="2">
      <t>イドウ</t>
    </rPh>
    <rPh sb="2" eb="5">
      <t>エンカツカ</t>
    </rPh>
    <rPh sb="5" eb="7">
      <t>キジュン</t>
    </rPh>
    <phoneticPr fontId="1"/>
  </si>
  <si>
    <t>誘導基準</t>
    <rPh sb="0" eb="2">
      <t>ユウドウ</t>
    </rPh>
    <rPh sb="2" eb="4">
      <t>キジュン</t>
    </rPh>
    <phoneticPr fontId="1"/>
  </si>
  <si>
    <t>設計標準・標準</t>
    <rPh sb="0" eb="2">
      <t>セッケイ</t>
    </rPh>
    <rPh sb="2" eb="4">
      <t>ヒョウジュン</t>
    </rPh>
    <rPh sb="5" eb="7">
      <t>ヒョウジュン</t>
    </rPh>
    <phoneticPr fontId="1"/>
  </si>
  <si>
    <t>設計標準・望ましい水準</t>
    <rPh sb="0" eb="2">
      <t>セッケイ</t>
    </rPh>
    <rPh sb="2" eb="4">
      <t>ヒョウジュン</t>
    </rPh>
    <rPh sb="5" eb="6">
      <t>ノゾ</t>
    </rPh>
    <rPh sb="9" eb="11">
      <t>スイジュン</t>
    </rPh>
    <phoneticPr fontId="1"/>
  </si>
  <si>
    <r>
      <t>不特定かつ多数の者が利用し、又は主として高齢者、障害者等が利用する階段は、次に掲げるものでなければならない。</t>
    </r>
    <r>
      <rPr>
        <b/>
        <sz val="8"/>
        <rFont val="ＭＳ ゴシック"/>
        <family val="3"/>
        <charset val="128"/>
      </rPr>
      <t>（第12条）</t>
    </r>
    <rPh sb="55" eb="56">
      <t>ダイ</t>
    </rPh>
    <rPh sb="58" eb="59">
      <t>ジョウ</t>
    </rPh>
    <phoneticPr fontId="1"/>
  </si>
  <si>
    <t>イ　便所内に車椅子使用者用便房を設けること</t>
    <phoneticPr fontId="1"/>
  </si>
  <si>
    <t>ロ　車椅子使用者用便房及び当該便房が設けられている便所の出入口は、次に掲げるものであること。</t>
    <phoneticPr fontId="1"/>
  </si>
  <si>
    <t>（１）　幅は、80センチメートル以上とすること。</t>
    <phoneticPr fontId="1"/>
  </si>
  <si>
    <t>(ｱ)有効幅員は、90センチメートル以上とすること。</t>
    <phoneticPr fontId="1"/>
  </si>
  <si>
    <r>
      <t>不特定かつ多数の者が利用し、又は主として高齢者、障害者等が利用する敷地内の通路は、次に掲げるものでなければならない。</t>
    </r>
    <r>
      <rPr>
        <b/>
        <sz val="8"/>
        <rFont val="ＭＳ ゴシック"/>
        <family val="3"/>
        <charset val="128"/>
      </rPr>
      <t>（第16条）</t>
    </r>
    <rPh sb="59" eb="60">
      <t>ダイ</t>
    </rPh>
    <rPh sb="62" eb="63">
      <t>ジョウ</t>
    </rPh>
    <phoneticPr fontId="1"/>
  </si>
  <si>
    <t>イ　手すりを設けること。</t>
    <phoneticPr fontId="1"/>
  </si>
  <si>
    <t>ロ　踏面の端部とその周囲の部分との色の明度、色相又は彩度の差が大きいことにより段を容易に識別できるものとすること。</t>
    <phoneticPr fontId="1"/>
  </si>
  <si>
    <t>ハ　段鼻の突き出しその他のつまずきの原因となるものを設けない構造とすること。</t>
    <phoneticPr fontId="1"/>
  </si>
  <si>
    <t>イ　勾配が12分の１を超え、又は高さが16センチメートルを超え、かつ、勾配が20分の１を超える傾斜がある部分には、手すりを設けること。</t>
    <phoneticPr fontId="1"/>
  </si>
  <si>
    <t>ロ　その前後の通路との色の明度、色相又は彩度の差が大きいことによりその存在を容易に識別できるものとすること。</t>
    <phoneticPr fontId="1"/>
  </si>
  <si>
    <t>手すりを適切な高さに設けること。</t>
    <phoneticPr fontId="1"/>
  </si>
  <si>
    <t>(5) 手すり</t>
    <phoneticPr fontId="1"/>
  </si>
  <si>
    <r>
      <t>次に掲げる場合には、それぞれ当該各号に定める経路のうち一以上を、高齢者、障害者等が円滑に利用できる経路（以下この条及び第25条第１項において「移動等円滑化経路」という。）にしなければならない。</t>
    </r>
    <r>
      <rPr>
        <b/>
        <sz val="8"/>
        <rFont val="ＭＳ ゴシック"/>
        <family val="3"/>
        <charset val="128"/>
      </rPr>
      <t>（第18条）</t>
    </r>
    <r>
      <rPr>
        <sz val="8"/>
        <rFont val="ＭＳ ゴシック"/>
        <family val="3"/>
        <charset val="128"/>
      </rPr>
      <t xml:space="preserve">
一　建築物に、不特定かつ多数の者が利用し、又は主として高齢者、障害者等が利用する居室（以下「利用居室」という。）を設ける場合　道又は公園、広場その他の空地（以下「道等」という。）から当該利用居室までの経路（直接地上へ通ずる出入口のある階（以下この条において「地上階」という。）又はその直上階若しくは直下階のみに利用居室を設ける場合にあっては、当該地上階とその直上階又は直下階との間の上下の移動に係る部分を除く。）</t>
    </r>
    <rPh sb="97" eb="98">
      <t>ダイ</t>
    </rPh>
    <rPh sb="100" eb="101">
      <t>ジョウ</t>
    </rPh>
    <phoneticPr fontId="1"/>
  </si>
  <si>
    <r>
      <t>一　 当該移動等円滑化経路上に階段又は段を設けないこと。ただし、傾斜路又はエレベーターその他の昇降機を併設する場合は、この限りでない。</t>
    </r>
    <r>
      <rPr>
        <b/>
        <sz val="8"/>
        <rFont val="ＭＳ ゴシック"/>
        <family val="3"/>
        <charset val="128"/>
      </rPr>
      <t>（第18条第２項）</t>
    </r>
    <phoneticPr fontId="1"/>
  </si>
  <si>
    <r>
      <t>二　当該移動等円滑化経路を構成する出入口は、次に掲げるものであること。</t>
    </r>
    <r>
      <rPr>
        <b/>
        <sz val="8"/>
        <rFont val="ＭＳ ゴシック"/>
        <family val="3"/>
        <charset val="128"/>
      </rPr>
      <t>（第18条第２項）</t>
    </r>
    <phoneticPr fontId="1"/>
  </si>
  <si>
    <t>戸を設ける場合には、１の項(2)エ(ｲ)に掲げるものであること。
⇒(ｲ)自動的に開閉する構造その他の障害者等が容易に開閉して通過できる構造とし、かつ、その前後に高低差がないこと。</t>
    <phoneticPr fontId="1"/>
  </si>
  <si>
    <r>
      <t>ロ　戸を設ける場合には、自動的に開閉する構造その他の車椅子使用者が容易に開閉して通過できる構造とし、かつ、その前後に高低差がないこと。</t>
    </r>
    <r>
      <rPr>
        <b/>
        <sz val="8"/>
        <rFont val="ＭＳ ゴシック"/>
        <family val="3"/>
        <charset val="128"/>
      </rPr>
      <t xml:space="preserve">（第18条第２項）
</t>
    </r>
    <phoneticPr fontId="1"/>
  </si>
  <si>
    <r>
      <t>三　当該移動等円滑化経路を構成する廊下等は、第11条の規定によるほか、次に掲げるものであること。</t>
    </r>
    <r>
      <rPr>
        <b/>
        <sz val="8"/>
        <rFont val="ＭＳ ゴシック"/>
        <family val="3"/>
        <charset val="128"/>
      </rPr>
      <t>（第18条第２項）</t>
    </r>
    <rPh sb="49" eb="50">
      <t>ダイ</t>
    </rPh>
    <rPh sb="52" eb="53">
      <t>ジョウ</t>
    </rPh>
    <rPh sb="53" eb="54">
      <t>ダイ</t>
    </rPh>
    <rPh sb="55" eb="56">
      <t>コウ</t>
    </rPh>
    <phoneticPr fontId="1"/>
  </si>
  <si>
    <r>
      <t>一　表面は、粗面とし、又は滑りにくい材料で仕上げること。</t>
    </r>
    <r>
      <rPr>
        <b/>
        <sz val="8"/>
        <rFont val="ＭＳ ゴシック"/>
        <family val="3"/>
        <charset val="128"/>
      </rPr>
      <t>（第16条）</t>
    </r>
    <phoneticPr fontId="1"/>
  </si>
  <si>
    <r>
      <t>三　傾斜路は、次に掲げるものであること。</t>
    </r>
    <r>
      <rPr>
        <b/>
        <sz val="8"/>
        <rFont val="ＭＳ ゴシック"/>
        <family val="3"/>
        <charset val="128"/>
      </rPr>
      <t>（第16条）</t>
    </r>
    <phoneticPr fontId="1"/>
  </si>
  <si>
    <r>
      <t>不特定かつ多数の者が利用し、又は主として高齢者、障害者等が利用する傾斜路（階段に代わり、又はこれに併設するものに限る。）は、次に掲げるものでなければならない。</t>
    </r>
    <r>
      <rPr>
        <b/>
        <sz val="8"/>
        <rFont val="ＭＳ ゴシック"/>
        <family val="3"/>
        <charset val="128"/>
      </rPr>
      <t>（第13条）</t>
    </r>
    <phoneticPr fontId="1"/>
  </si>
  <si>
    <r>
      <t>二　表面は、粗面とし、又は滑りにくい材料で仕上げること。</t>
    </r>
    <r>
      <rPr>
        <b/>
        <sz val="8"/>
        <rFont val="ＭＳ ゴシック"/>
        <family val="3"/>
        <charset val="128"/>
      </rPr>
      <t>（第13条）</t>
    </r>
    <phoneticPr fontId="1"/>
  </si>
  <si>
    <r>
      <t>三　その前後の廊下等との色の明度、色相又は彩度の差が大きいことによりその存在を容易に識別できるものとすること。</t>
    </r>
    <r>
      <rPr>
        <b/>
        <sz val="8"/>
        <rFont val="ＭＳ ゴシック"/>
        <family val="3"/>
        <charset val="128"/>
      </rPr>
      <t>（第13条）</t>
    </r>
    <phoneticPr fontId="1"/>
  </si>
  <si>
    <r>
      <t>不特定かつ多数の者が利用し、又は主として高齢者、障害者等が利用する駐車場を設ける場合には、そのうち一以上に、車椅子使用者が円滑に利用することができる駐車施設（以下「車椅子使用者用駐車施設」という。）を一以上設けなければならない。</t>
    </r>
    <r>
      <rPr>
        <b/>
        <sz val="8"/>
        <rFont val="ＭＳ ゴシック"/>
        <family val="3"/>
        <charset val="128"/>
      </rPr>
      <t>（第17条）</t>
    </r>
    <r>
      <rPr>
        <sz val="8"/>
        <rFont val="ＭＳ ゴシック"/>
        <family val="3"/>
        <charset val="128"/>
      </rPr>
      <t xml:space="preserve">
</t>
    </r>
    <phoneticPr fontId="1"/>
  </si>
  <si>
    <r>
      <t>一　幅は、350センチメートル以上とすること。</t>
    </r>
    <r>
      <rPr>
        <b/>
        <sz val="8"/>
        <rFont val="ＭＳ ゴシック"/>
        <family val="3"/>
        <charset val="128"/>
      </rPr>
      <t>（第17条）</t>
    </r>
    <phoneticPr fontId="1"/>
  </si>
  <si>
    <r>
      <t>四　段鼻の突き出しその他のつまずきの原因となるものを設けない構造とすること。</t>
    </r>
    <r>
      <rPr>
        <b/>
        <sz val="8"/>
        <rFont val="ＭＳ ゴシック"/>
        <family val="3"/>
        <charset val="128"/>
      </rPr>
      <t>（第12条）</t>
    </r>
    <phoneticPr fontId="1"/>
  </si>
  <si>
    <r>
      <t>二　表面は、粗面とし、又は滑りにくい材料で仕上げること。</t>
    </r>
    <r>
      <rPr>
        <b/>
        <sz val="8"/>
        <rFont val="ＭＳ ゴシック"/>
        <family val="3"/>
        <charset val="128"/>
      </rPr>
      <t>（第12条）</t>
    </r>
    <phoneticPr fontId="1"/>
  </si>
  <si>
    <r>
      <t>三　踏面の端部とその周囲の部分との色の明度、色相又は彩度の差が大きいことにより段を容易に識別できるものとすること。</t>
    </r>
    <r>
      <rPr>
        <b/>
        <sz val="8"/>
        <rFont val="ＭＳ ゴシック"/>
        <family val="3"/>
        <charset val="128"/>
      </rPr>
      <t>（第12条）</t>
    </r>
    <phoneticPr fontId="1"/>
  </si>
  <si>
    <r>
      <t xml:space="preserve">イ　幅は、120センチメートル以上とすること。
</t>
    </r>
    <r>
      <rPr>
        <b/>
        <sz val="8"/>
        <rFont val="ＭＳ ゴシック"/>
        <family val="3"/>
        <charset val="128"/>
      </rPr>
      <t>（第18条第２項）</t>
    </r>
    <phoneticPr fontId="1"/>
  </si>
  <si>
    <r>
      <t>ロ　50メートル以内ごとに車椅子の転回に支障がない場所を設けること</t>
    </r>
    <r>
      <rPr>
        <b/>
        <sz val="8"/>
        <rFont val="ＭＳ ゴシック"/>
        <family val="3"/>
        <charset val="128"/>
      </rPr>
      <t>（第18条第２項）</t>
    </r>
    <phoneticPr fontId="1"/>
  </si>
  <si>
    <r>
      <t>ハ　戸を設ける場合には、自動的に開閉する構造その他の車椅子使用者が容易に開閉して通過できる構造とし、かつ、その前後に高低差がないこと。</t>
    </r>
    <r>
      <rPr>
        <b/>
        <sz val="8"/>
        <rFont val="ＭＳ ゴシック"/>
        <family val="3"/>
        <charset val="128"/>
      </rPr>
      <t>（第18条第２項）</t>
    </r>
    <phoneticPr fontId="1"/>
  </si>
  <si>
    <r>
      <t>四　当該移動等円滑化経路を構成する傾斜路（階段に代わり、又はこれに併設するものに限る。）は、第13条の規定によるほか、次に掲げるものであること。
イ　幅は、階段に代わるものにあっては120センチメートル以上、階段に併設するものにあっては90センチメートル以上とすること。</t>
    </r>
    <r>
      <rPr>
        <b/>
        <sz val="8"/>
        <rFont val="ＭＳ ゴシック"/>
        <family val="3"/>
        <charset val="128"/>
      </rPr>
      <t>（第18条第２項）</t>
    </r>
    <phoneticPr fontId="1"/>
  </si>
  <si>
    <r>
      <t>四　当該移動等円滑化経路を構成する傾斜路（階段に代わり、又はこれに併設するものに限る。）は、第13条の規定によるほか、次に掲げるものであること。
ハ　高さが75センチメートルを超えるものにあっては、高さ75センチメートル以内ごとに踏幅が150センチメートル以上の踊場を設けること。</t>
    </r>
    <r>
      <rPr>
        <b/>
        <sz val="8"/>
        <rFont val="ＭＳ ゴシック"/>
        <family val="3"/>
        <charset val="128"/>
      </rPr>
      <t>（第18条第２項）</t>
    </r>
    <phoneticPr fontId="1"/>
  </si>
  <si>
    <r>
      <t>二　次条第一項第三号（移動等円滑化経路）に定める経路の長さができるだけ短くなる位置に設けること。</t>
    </r>
    <r>
      <rPr>
        <b/>
        <sz val="8"/>
        <rFont val="ＭＳ ゴシック"/>
        <family val="3"/>
        <charset val="128"/>
      </rPr>
      <t>（第17条）</t>
    </r>
    <r>
      <rPr>
        <sz val="8"/>
        <rFont val="ＭＳ ゴシック"/>
        <family val="3"/>
        <charset val="128"/>
      </rPr>
      <t xml:space="preserve">
次に掲げる場合には、それぞれ当該各号に定める経路のうち一以上を、高齢者、障害者等が円滑に利用できる経路（以下この条及び第25条第１項において「移動等円滑化経路」という。）にしなければならない。
三　建築物又はその敷地に車椅子使用者用駐車施設を設ける場合　当該車椅子使用者用駐車施設から利用居室までの経路</t>
    </r>
    <r>
      <rPr>
        <b/>
        <sz val="8"/>
        <rFont val="ＭＳ ゴシック"/>
        <family val="3"/>
        <charset val="128"/>
      </rPr>
      <t>（第18条）</t>
    </r>
    <phoneticPr fontId="1"/>
  </si>
  <si>
    <r>
      <t>不特定かつ多数の者が利用し、又は主として高齢者、障害者等が利用する廊下等は、次に掲げるものでなければならない。
一　表面は、粗面とし、又は滑りにくい材料で仕上げること。</t>
    </r>
    <r>
      <rPr>
        <b/>
        <sz val="8"/>
        <rFont val="ＭＳ ゴシック"/>
        <family val="3"/>
        <charset val="128"/>
      </rPr>
      <t>（第11条）</t>
    </r>
    <r>
      <rPr>
        <sz val="8"/>
        <rFont val="ＭＳ ゴシック"/>
        <family val="3"/>
        <charset val="128"/>
      </rPr>
      <t xml:space="preserve">
</t>
    </r>
    <phoneticPr fontId="1"/>
  </si>
  <si>
    <r>
      <t xml:space="preserve">次に掲げる場合には、それぞれ当該各号に定める経路のうち一以上を、高齢者、障害者等が円滑に利用できる経路（以下この条及び第25条第１項において「移動等円滑化経路」という。）にしなければならない。
二　建築物又はその敷地に車椅子使用者用便房（車椅子使用者用客室に設けられるものを除く。以下同じ。）を設ける場合　利用居室（当該建築物に利用居室が設けられていないときは、道等。次号において同じ。）から当該車椅子使用者用便房までの経路
</t>
    </r>
    <r>
      <rPr>
        <b/>
        <sz val="8"/>
        <rFont val="ＭＳ ゴシック"/>
        <family val="3"/>
        <charset val="128"/>
      </rPr>
      <t>（第18条）</t>
    </r>
    <phoneticPr fontId="1"/>
  </si>
  <si>
    <t>一　便所は、次に掲げるものであること。ただし、当該客室が設けられている階に不特定かつ多数の者が利用する便所（車椅子使用者用便房が設けられたものに限る。）が一以上（男子用及び女子用の区別があるときは、それぞれ一以上）設けられている場合は、この限りでない。</t>
    <phoneticPr fontId="1"/>
  </si>
  <si>
    <t>七　当該移動等円滑化経路を構成する敷地内の通路は、第16条の規定によるほか、次に掲げるものであること。
ニ　傾斜路は、次に掲げるものであること。</t>
    <phoneticPr fontId="1"/>
  </si>
  <si>
    <t>（１）　幅は、段に代わるものにあっては120センチメートル以上、段に併設するものにあっては90センチメートル以上とすること。</t>
    <phoneticPr fontId="1"/>
  </si>
  <si>
    <t>（２）　勾配は、12分の１を超えないこと。ただし、高さが16センチメートル以下のものにあっては、８分の１を超えないこと。</t>
    <phoneticPr fontId="1"/>
  </si>
  <si>
    <t>(3)　別表第１の２の項(3)の項に掲げる動物園等において、動物園等の敷地に接する道へ通ずる出入口又は駐車場へ通ずる出入口を設ける場合は、それぞれ１以上の出入口及び主要な敷地内通路は、別表第２の４の表１の項、２の項及び９の項(1)に定める構造とすること。この場合において、「園路」とあるのは、「敷地内の通路」と読み替えるものとする。</t>
    <phoneticPr fontId="1"/>
  </si>
  <si>
    <t>１　建築物又はその敷地には、当該建築物又はその敷地内の移動等円滑化の措置がとられたエレベーターその他の昇降機、便所又は駐車施設の配置を表示した案内板その他の設備を設けなければならない。ただし、当該エレベーターその他の昇降機、便所又は駐車施設の配置を容易に視認できる場合は、この限りでない。</t>
    <phoneticPr fontId="1"/>
  </si>
  <si>
    <r>
      <t>当該視覚障害者移動等円滑化経路に、視覚障害者の誘導を行うために、線状ブロック等（床面に敷設されるブロックその他これに類するものであって、線状の突起が設けられており、かつ、周囲の床面との色の明度、色相又は彩度の差が大きいことにより容易に識別できるものをいう。）及び点状ブロック等を適切に組み合わせて敷設し、又は音声その他の方法により視覚障害者を誘導する設備を設けること。ただし、進行方向を変更する必要がない風除室内においては、この限りでない。</t>
    </r>
    <r>
      <rPr>
        <b/>
        <sz val="8"/>
        <rFont val="ＭＳ ゴシック"/>
        <family val="3"/>
        <charset val="128"/>
      </rPr>
      <t>（第21条）</t>
    </r>
    <phoneticPr fontId="1"/>
  </si>
  <si>
    <t>二　当該視覚障害者移動等円滑化経路を構成する敷地内の通路の次に掲げる部分には、視覚障害者に対し警告を行うために、点状ブロック等を敷設すること。</t>
    <phoneticPr fontId="1"/>
  </si>
  <si>
    <t>イ　車路に近接する部分</t>
    <phoneticPr fontId="1"/>
  </si>
  <si>
    <r>
      <t>二　便所内に、高齢者、障害者等が円滑に利用することができる構造の水洗器具を設けた便房を一以上設けること。</t>
    </r>
    <r>
      <rPr>
        <b/>
        <sz val="8"/>
        <rFont val="ＭＳ ゴシック"/>
        <family val="3"/>
        <charset val="128"/>
      </rPr>
      <t>（第14条）</t>
    </r>
    <phoneticPr fontId="1"/>
  </si>
  <si>
    <t>案内所を設ける場合には、次の規定は適用しない。</t>
    <rPh sb="12" eb="13">
      <t>ツギ</t>
    </rPh>
    <phoneticPr fontId="1"/>
  </si>
  <si>
    <r>
      <t>２　建築物又はその敷地には、当該建築物又はその敷地内の移動等円滑化の措置がとられたエレベーターその他の昇降機又は便所の配置を点字その他国土交通大臣が定める方法(文字等の浮き彫り/音による案内/点字及び前二号に類するもの)により視覚障害者に示すための設備を設けなければならない。</t>
    </r>
    <r>
      <rPr>
        <b/>
        <sz val="8"/>
        <rFont val="ＭＳ ゴシック"/>
        <family val="3"/>
        <charset val="128"/>
      </rPr>
      <t xml:space="preserve">（第20条）
</t>
    </r>
    <rPh sb="139" eb="140">
      <t>ダイ</t>
    </rPh>
    <rPh sb="142" eb="143">
      <t>ジョウ</t>
    </rPh>
    <phoneticPr fontId="1"/>
  </si>
  <si>
    <r>
      <t>九　主たる階段は、回り階段でないこと。</t>
    </r>
    <r>
      <rPr>
        <b/>
        <sz val="8"/>
        <rFont val="ＭＳ ゴシック"/>
        <family val="3"/>
        <charset val="128"/>
      </rPr>
      <t>（第４条）　</t>
    </r>
    <phoneticPr fontId="1"/>
  </si>
  <si>
    <r>
      <t>五　表面は、粗面とし、又は滑りにくい材料で仕上げること。</t>
    </r>
    <r>
      <rPr>
        <b/>
        <sz val="8"/>
        <rFont val="ＭＳ ゴシック"/>
        <family val="3"/>
        <charset val="128"/>
      </rPr>
      <t>（第４条）　</t>
    </r>
    <phoneticPr fontId="1"/>
  </si>
  <si>
    <r>
      <t>六　踏面の端部とその周囲の部分との色の明度、色相又は彩度の差が大きいことにより段を容易に識別できるものとすること。</t>
    </r>
    <r>
      <rPr>
        <b/>
        <sz val="8"/>
        <rFont val="ＭＳ ゴシック"/>
        <family val="3"/>
        <charset val="128"/>
      </rPr>
      <t>（第４条）　</t>
    </r>
    <phoneticPr fontId="1"/>
  </si>
  <si>
    <r>
      <t>五　表面は、粗面とし、又は滑りにくい材料で仕上げること。</t>
    </r>
    <r>
      <rPr>
        <b/>
        <sz val="8"/>
        <rFont val="ＭＳ ゴシック"/>
        <family val="3"/>
        <charset val="128"/>
      </rPr>
      <t>(第６条第１項）</t>
    </r>
    <phoneticPr fontId="1"/>
  </si>
  <si>
    <r>
      <t>六　その前後の廊下等との色の明度、色相又は彩度の差が大きいことによりその存在を容易に識別できるものとすること。</t>
    </r>
    <r>
      <rPr>
        <b/>
        <sz val="8"/>
        <rFont val="ＭＳ ゴシック"/>
        <family val="3"/>
        <charset val="128"/>
      </rPr>
      <t>(第６条第１項）</t>
    </r>
    <phoneticPr fontId="1"/>
  </si>
  <si>
    <t>不特定かつ多数の者が利用し、又は主として高齢者、障害者等が利用する階段は、次に掲げるものでなければならない。
五　段がある部分の上端に近接する踊場の部分（不特定かつ多数の者が利用し、又は主として視覚障害者が利用するものに限る。）には、視覚障害者に対し警告を行うために、点状ブロック等を敷設すること。ただし、視覚障害者の利用上支障がないものとして国土交通大臣が定める場合(※)は、この限りでない。（第12条）
(※)段がある部分の上端に近接する踊場の部分が、主として自動車の駐車の用に供する施設に設けるもの又は段がある部分と連続して手すりを設けるものである場合</t>
    <phoneticPr fontId="1"/>
  </si>
  <si>
    <r>
      <t>五　当該移動等円滑化経路を構成するエレベーター（次号に規定するものを除く。以下この号において同じ。）及びその乗降ロビーは、次に掲げるものであること。
イ　籠（人を乗せ昇降する部分をいう。以下この号において同じ。）は、利用居室、車椅子使用者用便房又は車椅子使用者用駐車施設がある階及び地上階に停止すること。</t>
    </r>
    <r>
      <rPr>
        <b/>
        <sz val="8"/>
        <rFont val="ＭＳ ゴシック"/>
        <family val="3"/>
        <charset val="128"/>
      </rPr>
      <t>（第18条第２項）</t>
    </r>
    <phoneticPr fontId="1"/>
  </si>
  <si>
    <r>
      <t>ロ　籠及び昇降路の出入口の幅は、80センチメートル以上とすること。</t>
    </r>
    <r>
      <rPr>
        <b/>
        <sz val="8"/>
        <rFont val="ＭＳ ゴシック"/>
        <family val="3"/>
        <charset val="128"/>
      </rPr>
      <t>（第18条第２項）</t>
    </r>
    <phoneticPr fontId="1"/>
  </si>
  <si>
    <r>
      <t>ホ　籠内及び乗降ロビーには、車椅子使用者が利用しやすい位置に制御装置を設けること。</t>
    </r>
    <r>
      <rPr>
        <b/>
        <sz val="8"/>
        <rFont val="ＭＳ ゴシック"/>
        <family val="3"/>
        <charset val="128"/>
      </rPr>
      <t>（第18条第２項）</t>
    </r>
    <phoneticPr fontId="1"/>
  </si>
  <si>
    <r>
      <t>ヘ　籠内に、籠が停止する予定の階及び籠の現在位置を表示する装置を設けること。</t>
    </r>
    <r>
      <rPr>
        <b/>
        <sz val="8"/>
        <rFont val="ＭＳ ゴシック"/>
        <family val="3"/>
        <charset val="128"/>
      </rPr>
      <t>（第18条第２項）</t>
    </r>
    <phoneticPr fontId="1"/>
  </si>
  <si>
    <r>
      <t>ト　乗降ロビーに、到着する籠の昇降方向を表示する装置を設けること。</t>
    </r>
    <r>
      <rPr>
        <b/>
        <sz val="8"/>
        <rFont val="ＭＳ ゴシック"/>
        <family val="3"/>
        <charset val="128"/>
      </rPr>
      <t>（第18条第２項）</t>
    </r>
    <phoneticPr fontId="1"/>
  </si>
  <si>
    <r>
      <t>ニ　乗降ロビーは、高低差がないものとし、その幅及び奥行きは、150センチメートル以上とすること。</t>
    </r>
    <r>
      <rPr>
        <b/>
        <sz val="8"/>
        <rFont val="ＭＳ ゴシック"/>
        <family val="3"/>
        <charset val="128"/>
      </rPr>
      <t>（第18条第２項）</t>
    </r>
    <phoneticPr fontId="1"/>
  </si>
  <si>
    <t>乗降ロビーに、到着するかごの昇降方向を表示する装置を設けること。</t>
    <phoneticPr fontId="1"/>
  </si>
  <si>
    <t>・乗降ロビーへの装置の設置については、かご内にかご及び昇降路の出入口の戸が開いた時にかごの昇降方向を音声により知らせる設備が設けられている場合又は当該エレベーターの停止する階が２のみである場合は、この限りでない</t>
    <phoneticPr fontId="1"/>
  </si>
  <si>
    <r>
      <t>多数の者/不特定かつ多数の者が利用するエレベーター
四　籠内に、籠が停止する予定の階及び籠の現在位置を表示する装置を設けること。</t>
    </r>
    <r>
      <rPr>
        <b/>
        <sz val="8"/>
        <rFont val="ＭＳ ゴシック"/>
        <family val="3"/>
        <charset val="128"/>
      </rPr>
      <t>(第７条第２項/第４項)</t>
    </r>
    <rPh sb="5" eb="8">
      <t>フトクテイ</t>
    </rPh>
    <rPh sb="10" eb="12">
      <t>タスウ</t>
    </rPh>
    <rPh sb="13" eb="14">
      <t>シャ</t>
    </rPh>
    <phoneticPr fontId="1"/>
  </si>
  <si>
    <r>
      <t>多数の者/不特定かつ多数の者（１以上）が利用するエレベーター</t>
    </r>
    <r>
      <rPr>
        <b/>
        <sz val="8"/>
        <rFont val="ＭＳ ゴシック"/>
        <family val="3"/>
        <charset val="128"/>
      </rPr>
      <t xml:space="preserve">
</t>
    </r>
    <r>
      <rPr>
        <sz val="8"/>
        <rFont val="ＭＳ ゴシック"/>
        <family val="3"/>
        <charset val="128"/>
      </rPr>
      <t>五　乗降ロビーに、到着する籠の昇降方向を表示する装置を設けること。</t>
    </r>
    <r>
      <rPr>
        <b/>
        <sz val="8"/>
        <rFont val="ＭＳ ゴシック"/>
        <family val="3"/>
        <charset val="128"/>
      </rPr>
      <t>(第７条第２項/第５項)</t>
    </r>
    <rPh sb="5" eb="8">
      <t>フトクテイ</t>
    </rPh>
    <rPh sb="10" eb="12">
      <t>タスウ</t>
    </rPh>
    <rPh sb="13" eb="14">
      <t>シャ</t>
    </rPh>
    <rPh sb="16" eb="18">
      <t>イジョウ</t>
    </rPh>
    <rPh sb="72" eb="73">
      <t>ダイ</t>
    </rPh>
    <rPh sb="74" eb="75">
      <t>コウ</t>
    </rPh>
    <phoneticPr fontId="1"/>
  </si>
  <si>
    <r>
      <t>多数の者/不特定かつ多数の者（１以上）が利用するエレベーター
三　籠内及び乗降ロビーには、車椅子使用者が利用しやすい位置に制御装置を設けること。</t>
    </r>
    <r>
      <rPr>
        <b/>
        <sz val="8"/>
        <rFont val="ＭＳ ゴシック"/>
        <family val="3"/>
        <charset val="128"/>
      </rPr>
      <t>(第７条第３項/第５項)</t>
    </r>
    <rPh sb="5" eb="8">
      <t>フトクテイ</t>
    </rPh>
    <rPh sb="10" eb="12">
      <t>タスウ</t>
    </rPh>
    <rPh sb="13" eb="14">
      <t>シャ</t>
    </rPh>
    <rPh sb="16" eb="18">
      <t>イジョウ</t>
    </rPh>
    <rPh sb="80" eb="81">
      <t>ダイ</t>
    </rPh>
    <rPh sb="82" eb="83">
      <t>コウ</t>
    </rPh>
    <phoneticPr fontId="1"/>
  </si>
  <si>
    <t>(1) 不特定かつ多数の者が利用し、又は主として障害者等が利用する便所を設ける場合（無床診療所、小規模店舗及び小規模興行・遊興施設において設ける場合を除く。）は、だれもが円滑に利用することができるように、次に定める構造の便房（以下「みんなのトイレ」という。）を１以上設けた便所を１以上設けること。ただし、当該便所内に、主たる経路に接続して車いす使用者用便房（政令第14条第１項第１号に規定する車いす使用者が円滑に利用することができるものとして国土交通大臣が定める構造の便房をいう。以下同じ）及び障害者等が円滑に利用できる構造の水洗器具を設けた便房をそれぞれ１以上設けることにより、みんなのトイレを設けた場合と同等以上の機能を有すると認められる場合は、この限りでない。</t>
    <phoneticPr fontId="1"/>
  </si>
  <si>
    <t>(ｲ)自動的に開閉する構造その他の障害者等が容易に開閉して通過できる構造とし、かつ、その前後に高低差がないこと。</t>
    <phoneticPr fontId="1"/>
  </si>
  <si>
    <r>
      <t>不特定かつ多数の者が利用し、又は主として高齢者、障害者等が利用する男子用小便器のある便所を設ける場合には、そのうち一以上に、床置式の小便器、壁掛式の小便器（受け口の高さが35センチメートル以下のものに限る。）その他これらに類する小便器を一以上設けなければならない。</t>
    </r>
    <r>
      <rPr>
        <b/>
        <sz val="8"/>
        <rFont val="ＭＳ ゴシック"/>
        <family val="3"/>
        <charset val="128"/>
      </rPr>
      <t>（第14条第２項）</t>
    </r>
    <r>
      <rPr>
        <sz val="8"/>
        <rFont val="ＭＳ ゴシック"/>
        <family val="3"/>
        <charset val="128"/>
      </rPr>
      <t xml:space="preserve">
</t>
    </r>
    <phoneticPr fontId="1"/>
  </si>
  <si>
    <r>
      <t>ホテル又は旅館には、客室の総数が200以下の場合は当該客室の総数に50分の１を乗じて得た数以上、客室の総数が200を超える場合は当該客室の総数に100分の１を乗じて得た数に２を加えた数以上の車いす使用者用客室を設けなければならない。</t>
    </r>
    <r>
      <rPr>
        <b/>
        <sz val="8"/>
        <rFont val="ＭＳ ゴシック"/>
        <family val="3"/>
        <charset val="128"/>
      </rPr>
      <t>(第10条第１項)　</t>
    </r>
    <rPh sb="121" eb="122">
      <t>ダイ</t>
    </rPh>
    <rPh sb="123" eb="124">
      <t>コウ</t>
    </rPh>
    <phoneticPr fontId="1"/>
  </si>
  <si>
    <t>戸を設ける場合には、１の項(2)エ(ｲ)に掲げるものであること。
(ｲ)自動的に開閉する構造その他の障害者等が容易に開閉して通過できる構造とし、かつ、その前後に高低差がないこと。</t>
    <phoneticPr fontId="1"/>
  </si>
  <si>
    <t xml:space="preserve">二　便所は、次に掲げるものであること。ただし、当該客室が設けられている階に不特定かつ多数の者が利用する便所が一以上（男子用及び女子用の区別があるときは、それぞれ一以上）設けられている場合は、この限りでない。
</t>
    <phoneticPr fontId="1"/>
  </si>
  <si>
    <t>イ　便所内に車いす使用者用便房を設けること。</t>
    <phoneticPr fontId="1"/>
  </si>
  <si>
    <r>
      <t>四　多数の者が利用する便所に車椅子使用者用便房が設けられておらず、かつ、当該便所に近接する位置に車椅子使用者用便房が設けられている便所が設けられていない場合には、当該便所内に腰掛便座及び手すりの設けられた便房を一以上設けること。</t>
    </r>
    <r>
      <rPr>
        <b/>
        <sz val="8"/>
        <rFont val="ＭＳ ゴシック"/>
        <family val="3"/>
        <charset val="128"/>
      </rPr>
      <t>（第９条第１項）</t>
    </r>
    <rPh sb="0" eb="1">
      <t>ヨン</t>
    </rPh>
    <rPh sb="118" eb="119">
      <t>ダイ</t>
    </rPh>
    <rPh sb="120" eb="121">
      <t>コウ</t>
    </rPh>
    <phoneticPr fontId="1"/>
  </si>
  <si>
    <r>
      <t>一　多数の者が利用する便所（男子用及び女子用の区別があるときは、それぞれの便所）が設けられている階ごとに、当該便所のうち一以上に、車椅子使用者用便房及び高齢者、障害者等が円滑に利用することができる構造の水洗器具を設けた便房を設けること。
二　多数の者が利用する便所が設けられている階の車椅子使用者用便房の数は、当該階の便房（多数の者が利用するものに限る。以下この号において同じ。）の総数が200以下の場合は当該便房の総数に50分の１を乗じて得た数以上とし、当該階の便房の総数が二百を超える場合は当該便房の総数に100分の１を乗じて得た数に２を加えた数以上とすること。</t>
    </r>
    <r>
      <rPr>
        <b/>
        <sz val="8"/>
        <rFont val="ＭＳ ゴシック"/>
        <family val="3"/>
        <charset val="128"/>
      </rPr>
      <t>（第９条第１項）</t>
    </r>
    <rPh sb="284" eb="285">
      <t>ダイ</t>
    </rPh>
    <rPh sb="286" eb="287">
      <t>ジョウ</t>
    </rPh>
    <rPh sb="287" eb="288">
      <t>ダイ</t>
    </rPh>
    <rPh sb="289" eb="290">
      <t>コウ</t>
    </rPh>
    <phoneticPr fontId="1"/>
  </si>
  <si>
    <r>
      <t>三　車椅子使用者用便房及び当該便房が設けられている便所の出入口は、次に掲げるものであること。
イ　幅は、80センチメートル以上とすること。</t>
    </r>
    <r>
      <rPr>
        <b/>
        <sz val="8"/>
        <rFont val="ＭＳ ゴシック"/>
        <family val="3"/>
        <charset val="128"/>
      </rPr>
      <t>（第９条第１項）</t>
    </r>
    <phoneticPr fontId="1"/>
  </si>
  <si>
    <r>
      <t>ロ　戸を設ける場合には、自動的に開閉する構造その他の車椅子使用者が容易に開閉して通過できる構造とし、かつ、その前後に高低差がないこと。</t>
    </r>
    <r>
      <rPr>
        <b/>
        <sz val="8"/>
        <rFont val="ＭＳ ゴシック"/>
        <family val="3"/>
        <charset val="128"/>
      </rPr>
      <t>（第９条第１項）</t>
    </r>
    <r>
      <rPr>
        <sz val="8"/>
        <rFont val="ＭＳ ゴシック"/>
        <family val="3"/>
        <charset val="128"/>
      </rPr>
      <t xml:space="preserve">
</t>
    </r>
    <phoneticPr fontId="1"/>
  </si>
  <si>
    <t>・　幅は、80センチメートル以上とすること。</t>
    <phoneticPr fontId="1"/>
  </si>
  <si>
    <t>ロ　車いす使用者用便房及び当該便房が設けられている便所の出入口は、前条第一項第三号イ及びロに掲げるものであること。</t>
    <phoneticPr fontId="1"/>
  </si>
  <si>
    <r>
      <t>（２）　戸を設ける場合には、自動的に開閉する構造その他の車椅子使用者が容易に開閉して通過できる構造とし、かつ、その前後に高低差がないこと。
　　</t>
    </r>
    <r>
      <rPr>
        <b/>
        <sz val="8"/>
        <rFont val="ＭＳ ゴシック"/>
        <family val="3"/>
        <charset val="128"/>
      </rPr>
      <t>（第15条）　</t>
    </r>
    <phoneticPr fontId="1"/>
  </si>
  <si>
    <t>・有効幅員は、80センチメートル以上とすること。
・自動的に開閉する構造その他の障害者等が容易に開閉して通過できる構造とし、かつ、その前後に高低差がないこと。</t>
    <phoneticPr fontId="1"/>
  </si>
  <si>
    <r>
      <t>二　浴室又はシャワー室（以下この号において「浴室等」という。）は、次に掲げるものであること。ただし、当該客室が設けられている建築物に不特定かつ多数の者が利用する浴室等（次に掲げるものに限る。）が一以上（男子用及び女子用の区別があるときは、それぞれ一以上）設けられている場合は、この限りでない。</t>
    </r>
    <r>
      <rPr>
        <b/>
        <sz val="8"/>
        <rFont val="ＭＳ ゴシック"/>
        <family val="3"/>
        <charset val="128"/>
      </rPr>
      <t>　</t>
    </r>
    <r>
      <rPr>
        <sz val="8"/>
        <rFont val="ＭＳ ゴシック"/>
        <family val="3"/>
        <charset val="128"/>
      </rPr>
      <t xml:space="preserve">
イ　車椅子使用者が円滑に利用することができるものとして国土交通大臣が定める構造(※)であること。
ロ　出入口は、前号ロに掲げるものであること
　（１）　幅は、80センチメートル以上とすること。
　（２）　戸を設ける場合には、自動的に開閉する構造その他の車椅子使用者が容易に開閉して通過できる構造とし、かつ、その前後に高低差がないこと。
　　</t>
    </r>
    <r>
      <rPr>
        <b/>
        <sz val="8"/>
        <rFont val="ＭＳ ゴシック"/>
        <family val="3"/>
        <charset val="128"/>
      </rPr>
      <t xml:space="preserve">（第15条）
</t>
    </r>
    <r>
      <rPr>
        <sz val="8"/>
        <rFont val="ＭＳ ゴシック"/>
        <family val="3"/>
        <charset val="128"/>
      </rPr>
      <t>(※)
一　浴槽、シャワー、手すり等が適切に配置されていること。
二　車いす使用者が円滑に利用することができるよう十分な空間が確保されていること。</t>
    </r>
    <phoneticPr fontId="1"/>
  </si>
  <si>
    <r>
      <t>・　戸を設ける場合には、自動的に開閉する構造その他の車椅子使用者が容易に開閉して通過できる構造とし、かつ、その前後に高低差がないこと。</t>
    </r>
    <r>
      <rPr>
        <b/>
        <sz val="8"/>
        <rFont val="ＭＳ ゴシック"/>
        <family val="3"/>
        <charset val="128"/>
      </rPr>
      <t>(第10条第２項)　</t>
    </r>
    <phoneticPr fontId="1"/>
  </si>
  <si>
    <r>
      <t>三　浴室等は、次に掲げるものであること。ただし、当該客室が設けられている建築物に不特定かつ多数の者が利用する浴室等が一以上（男子用及び女子用の区別があるときは、それぞれ一以上）設けられている場合は、この限りでない。
イ　車いす使用者が円滑に利用することができるものとして国土交通大臣が定める構造(※)の浴室等（以下「車いす使用者用浴室等」という。）であること。
ロ　出入口は、次に掲げるものであること。
（１）　幅は、八十センチメートル以上とすること。
（２）　戸を設ける場合には、自動的に開閉する構造その他の車いす使用者が容易に開閉して通過できる構造とし、かつ、その前後に高低差がないこと。
　</t>
    </r>
    <r>
      <rPr>
        <b/>
        <sz val="8"/>
        <rFont val="ＭＳ ゴシック"/>
        <family val="3"/>
        <charset val="128"/>
      </rPr>
      <t>　(第10条第２項)　</t>
    </r>
    <r>
      <rPr>
        <sz val="8"/>
        <rFont val="ＭＳ ゴシック"/>
        <family val="3"/>
        <charset val="128"/>
      </rPr>
      <t xml:space="preserve">
(※)
一　浴槽、シャワー、手すり等が適切に配置されていること。
二　車いす使用者が円滑に利用することができるよう十分な空間が確保されていること。</t>
    </r>
    <phoneticPr fontId="1"/>
  </si>
  <si>
    <t>ニ　両側に手すりを設けること。</t>
    <phoneticPr fontId="1"/>
  </si>
  <si>
    <t>ホ　踏面の端部とその周囲の部分との色の明度、色相又は彩度の差が大きいことにより段を容易に識別できるものとすること。</t>
    <phoneticPr fontId="1"/>
  </si>
  <si>
    <r>
      <t>二　表面は、粗面とし、又は滑りにくい材料で仕上げること。</t>
    </r>
    <r>
      <rPr>
        <b/>
        <sz val="8"/>
        <rFont val="ＭＳ ゴシック"/>
        <family val="3"/>
        <charset val="128"/>
      </rPr>
      <t>(第11条)</t>
    </r>
    <phoneticPr fontId="1"/>
  </si>
  <si>
    <t xml:space="preserve">六　傾斜路は、次に掲げるものであること。
</t>
    <phoneticPr fontId="1"/>
  </si>
  <si>
    <t>イ　幅は、段に代わるものにあっては150センチメートル以上、段に併設するものにあっては120センチメートル以上とすること。</t>
    <phoneticPr fontId="1"/>
  </si>
  <si>
    <t xml:space="preserve">ロ　勾配は、15分の１を超えないこと。
</t>
    <phoneticPr fontId="1"/>
  </si>
  <si>
    <r>
      <t>ヘ　段鼻の突き出しその他のつまずきの原因となるものを設けない構造とすること。</t>
    </r>
    <r>
      <rPr>
        <b/>
        <sz val="8"/>
        <rFont val="ＭＳ ゴシック"/>
        <family val="3"/>
        <charset val="128"/>
      </rPr>
      <t>(第11条)</t>
    </r>
    <phoneticPr fontId="1"/>
  </si>
  <si>
    <r>
      <t>ホ　その前後の通路との色の明度、色相又は彩度の差が大きいことによりその存在を容易に識別できるものとすること。</t>
    </r>
    <r>
      <rPr>
        <b/>
        <sz val="8"/>
        <rFont val="ＭＳ ゴシック"/>
        <family val="3"/>
        <charset val="128"/>
      </rPr>
      <t>(第11条)</t>
    </r>
    <phoneticPr fontId="1"/>
  </si>
  <si>
    <r>
      <t>多数の者が利用する浴室等を設ける場合には、そのうち一以上（男子用及び女子用の区別があるときは、それぞれ一以上）は、次に掲げるものでなければならない。</t>
    </r>
    <r>
      <rPr>
        <b/>
        <sz val="8"/>
        <rFont val="ＭＳ ゴシック"/>
        <family val="3"/>
        <charset val="128"/>
      </rPr>
      <t>（第13条）　</t>
    </r>
    <r>
      <rPr>
        <sz val="8"/>
        <rFont val="ＭＳ ゴシック"/>
        <family val="3"/>
        <charset val="128"/>
      </rPr>
      <t xml:space="preserve">
一　車いす使用者用浴室等であること。</t>
    </r>
    <phoneticPr fontId="1"/>
  </si>
  <si>
    <t>二　出入口は、第10条第２項第３号ロに掲げるものであること。</t>
    <phoneticPr fontId="1"/>
  </si>
  <si>
    <t>（２）　戸を設ける場合には、自動的に開閉する構造その他の車いす使用者が容易に開閉して通過できる構造とし、かつ、その前後に高低差がないこと。</t>
    <phoneticPr fontId="1"/>
  </si>
  <si>
    <t>イ戸を設ける場合には、１の項(2)エ(ｲ)に掲げるものであること。
(ｲ)自動的に開閉する構造その他の障害者等が容易に開閉して通過できる構造とし、かつ、その前後に高低差がないこと。</t>
    <phoneticPr fontId="1"/>
  </si>
  <si>
    <t>案内所を設ける場合には、次の規定は適用しない。</t>
    <phoneticPr fontId="1"/>
  </si>
  <si>
    <t>建築物又はその敷地には、当該建築物又はその敷地内の移動等円滑化の措置がとられたエレベーターその他の昇降機、便所又は駐車施設の配置を表示した案内板その他の設備を設けなければならない。ただし、当該エレベーターその他の昇降機、便所又は駐車施設の配置を容易に視認できる場合は、この限りでない。</t>
    <phoneticPr fontId="1"/>
  </si>
  <si>
    <r>
      <t>建築物又はその敷地には、当該建築物又はその敷地内の移動等円滑化の措置がとられたエレベーターその他の昇降機又は便所の配置を点字その他国土交通大臣が定める方法(文字等の浮き彫り/音による案内/点字及び前二号に類するもの)により視覚障害者に示すための設備を設けなければならない</t>
    </r>
    <r>
      <rPr>
        <b/>
        <sz val="8"/>
        <rFont val="ＭＳ ゴシック"/>
        <family val="3"/>
        <charset val="128"/>
      </rPr>
      <t>（第15条）</t>
    </r>
    <phoneticPr fontId="1"/>
  </si>
  <si>
    <t>段がある場合は、次に掲げるものであること。</t>
    <phoneticPr fontId="1"/>
  </si>
  <si>
    <t>両側に手すりを設置すること。</t>
    <phoneticPr fontId="1"/>
  </si>
  <si>
    <t xml:space="preserve">四　段がある部分は、次に掲げるものであること。
</t>
    <phoneticPr fontId="1"/>
  </si>
  <si>
    <t>ロ　蹴上げの寸法は、16センチメートル以下とすること。
ハ　踏面の寸法は、30センチメートル以上とすること。</t>
    <phoneticPr fontId="1"/>
  </si>
  <si>
    <t>・蹴上げの寸法は16センチメートル以下、踏面の寸法は30センチメートル以上とすること。</t>
    <phoneticPr fontId="1"/>
  </si>
  <si>
    <t>・幅は140センチメートル以上とすること。</t>
    <phoneticPr fontId="1"/>
  </si>
  <si>
    <t>・必要に応じて手すりを設けること。</t>
    <phoneticPr fontId="1"/>
  </si>
  <si>
    <t>・敷地が広く、敷地内に建築物が複数ある場合などは、触知図を設置すること。</t>
    <phoneticPr fontId="1"/>
  </si>
  <si>
    <t>・施設の地理的特性によっては、凍結、積雪防止の融雪装置や上屋を設けること。</t>
    <phoneticPr fontId="1"/>
  </si>
  <si>
    <t>・整備された出入口に通ずる敷地内通路は、地形の特殊性により困難な場合以外は整備すること。</t>
    <phoneticPr fontId="1"/>
  </si>
  <si>
    <t>七　当該移動等円滑化経路を構成する敷地内の通路は、第16条の規定によるほか、次に掲げるものであること。</t>
    <phoneticPr fontId="1"/>
  </si>
  <si>
    <t>・発券所等は、曲がり角や斜路部分に設けないように計画するなど、障害者等が円滑に利用できるよう配慮すること。</t>
    <phoneticPr fontId="1"/>
  </si>
  <si>
    <t>・２台分以上のスペースを並べて設けること。</t>
    <phoneticPr fontId="1"/>
  </si>
  <si>
    <t>・見通しの悪いカーブなどの箇所には、ミラーを設けること。</t>
    <phoneticPr fontId="1"/>
  </si>
  <si>
    <t>・雨の日でも濡れずに利用できるよう上屋を設けること。</t>
    <phoneticPr fontId="1"/>
  </si>
  <si>
    <t>・奥行きは600センチメートル以上とすること。</t>
    <phoneticPr fontId="1"/>
  </si>
  <si>
    <t>・車いす使用者用区画が、1以上の場合は、乗降用スペースを両側に設けること。</t>
    <phoneticPr fontId="1"/>
  </si>
  <si>
    <t>・乗降用スペースは有効幅員100センチメートル以上とすること。</t>
    <phoneticPr fontId="1"/>
  </si>
  <si>
    <t>・施設の出入口等には、屋根、庇を設けること。</t>
    <phoneticPr fontId="1"/>
  </si>
  <si>
    <t>・風除室には、必要に応じて、衝突防止用の措置（注意喚起サイン、手すり等）を講ずること。</t>
    <phoneticPr fontId="1"/>
  </si>
  <si>
    <t>・上下足の履き替え所には、下肢障害者のためのいすを常備すること。</t>
    <phoneticPr fontId="1"/>
  </si>
  <si>
    <t>・すべての出入口等を４の項(1)に定める構造とすること</t>
    <phoneticPr fontId="1"/>
  </si>
  <si>
    <t>雨仕舞の関係から段が生じる場合は、高低差１センチメートル程度で丸みを持たせる、すりつける等の配慮を行う必要がある。</t>
    <phoneticPr fontId="1"/>
  </si>
  <si>
    <t>・扉ガラスには、キックプレートを設けること。</t>
    <phoneticPr fontId="1"/>
  </si>
  <si>
    <t>・自動ドアには、非常時対応手動ドアを設けること。</t>
    <phoneticPr fontId="1"/>
  </si>
  <si>
    <t>・有効幅員120センチメートル以上の直接屋外へ通ずる出入口等のうち１以上は自動的に開閉する構造自動式とすること。</t>
    <phoneticPr fontId="1"/>
  </si>
  <si>
    <t xml:space="preserve">開閉動作のしやすさから見た推奨順位は、①自動式引戸、②手動式引戸、③開き戸である。
</t>
    <phoneticPr fontId="1"/>
  </si>
  <si>
    <t>・ドアチェックは、ゆるやかに作動し、操作の軽いものとすること。</t>
    <phoneticPr fontId="1"/>
  </si>
  <si>
    <t>・ドアハンドルは、車いす使用者や子どもにも使いやすい高さに設けること。また、円形のものは上肢や手に障害のある人が使いにくいので避けること。</t>
    <phoneticPr fontId="1"/>
  </si>
  <si>
    <t>・窓ガラスの選定には、割れにくい材料を用いるなど配慮すること。</t>
    <phoneticPr fontId="1"/>
  </si>
  <si>
    <t>・戸の前後には、車いす使用者が戸の開閉をするために水平面を設けること。水平面は、原則として150センチメートル程度×150センチメートル程度設けること。</t>
    <phoneticPr fontId="1"/>
  </si>
  <si>
    <t>・有効幅員は、90センチメートル以上とすること。</t>
    <phoneticPr fontId="1"/>
  </si>
  <si>
    <t>・公共的施設の出入口には、屋根・庇を設ける。</t>
    <phoneticPr fontId="1"/>
  </si>
  <si>
    <t>・上下足履き替え所には、下肢障害者のためのいすを常備すること。</t>
    <phoneticPr fontId="1"/>
  </si>
  <si>
    <t>・休憩用設備を適切な位置に設けること。</t>
    <phoneticPr fontId="1"/>
  </si>
  <si>
    <t>・必要に応じて、足元灯等を設置すること。</t>
    <phoneticPr fontId="1"/>
  </si>
  <si>
    <t>・曲がり角は車いすの転回に支障がない構造とすること。（面取り、すみ切り等の処理が考えられる。）</t>
    <phoneticPr fontId="1"/>
  </si>
  <si>
    <t>・床仕上げ面から手すりの上端までの高さは、原則として、２段の場合は、上段75～85センチメートル程度、下段60～65センチメートル程度とし、１段の場合は、75～85センチメートル程度とすること。</t>
    <phoneticPr fontId="1"/>
  </si>
  <si>
    <t>・原則として、断面が円形（直径３～４センチメートル程度）か楕円型とすること。</t>
    <phoneticPr fontId="1"/>
  </si>
  <si>
    <t>・手すりは、両側に連続して設置すること。</t>
    <phoneticPr fontId="1"/>
  </si>
  <si>
    <t>・その他の公共的施設にあっても手すりを設けること。</t>
    <phoneticPr fontId="1"/>
  </si>
  <si>
    <t>・らせん階段や踊場部分に段を設けた階段とせず、安全な水平面が確保された直階段又は折れ階段とすること。</t>
    <phoneticPr fontId="1"/>
  </si>
  <si>
    <t>・踊場には、鏡を設けるなどにより、衝突防止の配慮をすること。</t>
    <phoneticPr fontId="1"/>
  </si>
  <si>
    <t>・有効幅員は、150センチメートル以上とすること。</t>
    <phoneticPr fontId="1"/>
  </si>
  <si>
    <r>
      <t>七　段鼻の突き出しその他のつまずきの原因となるものを設けない構造とすること</t>
    </r>
    <r>
      <rPr>
        <b/>
        <sz val="8"/>
        <rFont val="ＭＳ ゴシック"/>
        <family val="3"/>
        <charset val="128"/>
      </rPr>
      <t>（第４条）　</t>
    </r>
    <phoneticPr fontId="1"/>
  </si>
  <si>
    <t>・同一階段は、同一寸法とすること。</t>
    <phoneticPr fontId="1"/>
  </si>
  <si>
    <t>・１以上の階段においては、けこみ板は、つえ等や足の落ち込みを防止するために必ず設けること。</t>
    <phoneticPr fontId="1"/>
  </si>
  <si>
    <t>・手すり子形式の階段は、両側に２センチメートル以上（５センチメートル以上が望ましい）の立ち上がりを設け、つえ等や足の踏み外しを防止すること。</t>
    <phoneticPr fontId="1"/>
  </si>
  <si>
    <t>・定員オーバーの視覚表示を行うこと。</t>
    <phoneticPr fontId="1"/>
  </si>
  <si>
    <t>・かご及び昇降路の出入口の戸に、ガラスその他これに類するものがはめ込まれていることにより、かご内からかご外が視覚的に確認できる構造であること。</t>
    <phoneticPr fontId="1"/>
  </si>
  <si>
    <t>・かご及び昇降路の出入口の戸の開閉時間を延長する機能を有したものであること。</t>
    <phoneticPr fontId="1"/>
  </si>
  <si>
    <t>・聴覚障害者のための情報伝達手段として、視覚による双方向モニター等を設置すること。縦列に配置する階数ボタンは、下から千鳥に配列し、点字表示はボタンの左側を原則とする。</t>
    <phoneticPr fontId="1"/>
  </si>
  <si>
    <t>・鍵は、指の動きが不自由な人でも容易に施錠できる構造のものとし、非常時に外から開錠できるようにすること。</t>
    <phoneticPr fontId="1"/>
  </si>
  <si>
    <t>・出入口の戸は､原則として引き戸とすること。</t>
    <phoneticPr fontId="1"/>
  </si>
  <si>
    <t>・便所の戸は、開閉時間の調整ができるものとすること。</t>
    <phoneticPr fontId="1"/>
  </si>
  <si>
    <t>・ドアノックセンサーを設置すること。</t>
    <phoneticPr fontId="1"/>
  </si>
  <si>
    <t>・施錠を示す色は、色の識別をしにくい者が円滑に利用できるよう、文字を併記するか、赤と青の組み合わせなどにすること。（赤と緑は見分けにくい）</t>
    <phoneticPr fontId="1"/>
  </si>
  <si>
    <t>・ペーパーホルダーは、適切な位置に設置すること。</t>
    <phoneticPr fontId="1"/>
  </si>
  <si>
    <t>（通報装置）
・呼び出しボタン、フラシュベルなどの緊急通報装置を便房内に設けること。</t>
    <phoneticPr fontId="1"/>
  </si>
  <si>
    <t>・手荷物を置ける棚又はフックを設置すること。フックは、立位者、車いす使用者の顔面に危険のない形状、位置とするとともに、１以上は、車いすに乗った状態で使用できるものとすること。</t>
    <phoneticPr fontId="1"/>
  </si>
  <si>
    <r>
      <t>・車いす使用者が円滑に利用することができるよう十分な空間が確保されていること。</t>
    </r>
    <r>
      <rPr>
        <b/>
        <sz val="8"/>
        <rFont val="ＭＳ ゴシック"/>
        <family val="3"/>
        <charset val="128"/>
      </rPr>
      <t>（第14条第１号・国土交通大臣が定める構造の便所）</t>
    </r>
    <rPh sb="44" eb="45">
      <t>ダイ</t>
    </rPh>
    <rPh sb="46" eb="47">
      <t>ゴウ</t>
    </rPh>
    <rPh sb="48" eb="50">
      <t>コクド</t>
    </rPh>
    <rPh sb="50" eb="52">
      <t>コウツウ</t>
    </rPh>
    <rPh sb="52" eb="54">
      <t>ダイジン</t>
    </rPh>
    <rPh sb="55" eb="56">
      <t>サダ</t>
    </rPh>
    <rPh sb="58" eb="60">
      <t>コウゾウ</t>
    </rPh>
    <rPh sb="61" eb="63">
      <t>ベンジョ</t>
    </rPh>
    <phoneticPr fontId="1"/>
  </si>
  <si>
    <t>・パウチや汚れた物、しびん等を洗浄するための汚物流し、またはこれにかわる洗浄装置を設置すること。</t>
    <phoneticPr fontId="1"/>
  </si>
  <si>
    <t>・洗浄のため温水がでるように努めること。</t>
    <phoneticPr fontId="1"/>
  </si>
  <si>
    <t>・全身を写すことができるような鏡を設置するよう努めること。</t>
    <phoneticPr fontId="1"/>
  </si>
  <si>
    <t>・大きめの汚物入れを便座及び車椅子に座った状態から手の届く範囲に設けるよう努めること。</t>
    <phoneticPr fontId="1"/>
  </si>
  <si>
    <t>・乳児用いす等を設置すること。</t>
    <phoneticPr fontId="1"/>
  </si>
  <si>
    <t>・呼び出しボタン、フラッシュベルなどの緊急通報装置を設置すること。</t>
    <phoneticPr fontId="1"/>
  </si>
  <si>
    <t>・便器の背後に背もたれを設けること。</t>
    <phoneticPr fontId="1"/>
  </si>
  <si>
    <t>(2) 屋外若しくは駐車場へ通ずる出入口（主要な出入口等を除く。）及び主たる経路を構成する出入口（直接屋外へ通ずる主要な出入口を除く。）は、有効幅員を80センチメートル以上とし、(1)のイからエまでに定める構造とすること。ただし、別表第１の３の項に掲げる医療施設のうち病室（患者を収容する施設をいう。）を有しないもの（以下「無床診療所」という。）で用途面積が500平方メートル未満のもの（以下「小規模無床診療所」という。）、同表の５の項(3)の項に掲げる商業施設のうち用途面積が200平方メートル以上500平方メートル未満のもの（以下「小規模店舗」という。）及び同表の14の項に掲げる興行・遊興施設のうち用途面積が300平方メートル以上1,000平方メートル未満のもの（以下「小規模興行・遊興施設」という。）にあっては、この限りでない。</t>
    <phoneticPr fontId="1"/>
  </si>
  <si>
    <t>・温水洗浄便座を設置すること。</t>
    <phoneticPr fontId="1"/>
  </si>
  <si>
    <t>有効幅員は、90センチメートル以上とすること。</t>
    <phoneticPr fontId="1"/>
  </si>
  <si>
    <t>・洗面所の水栓は、レバー式、光感応式など簡単に操作できるものとすること。</t>
    <phoneticPr fontId="1"/>
  </si>
  <si>
    <t>・必要に応じて、腰掛台、脱衣ベンチを設置すること。</t>
    <phoneticPr fontId="1"/>
  </si>
  <si>
    <t>公共的施設において浴室・シャワー室等を設置する場合にあっては、９の項に定める構造とすること。</t>
    <phoneticPr fontId="1"/>
  </si>
  <si>
    <t>⇒有効幅員を80センチメートル以上とし、(1)のイからエまでに定める構造とすること。</t>
    <phoneticPr fontId="1"/>
  </si>
  <si>
    <t>・障害者等の通行の支障となるような段を設けないこと</t>
    <rPh sb="1" eb="2">
      <t>ショウ</t>
    </rPh>
    <rPh sb="2" eb="3">
      <t>ガイ</t>
    </rPh>
    <rPh sb="3" eb="4">
      <t>シャ</t>
    </rPh>
    <rPh sb="4" eb="5">
      <t>トウ</t>
    </rPh>
    <rPh sb="6" eb="8">
      <t>ツウコウ</t>
    </rPh>
    <rPh sb="9" eb="11">
      <t>シショウ</t>
    </rPh>
    <rPh sb="17" eb="18">
      <t>ダン</t>
    </rPh>
    <rPh sb="19" eb="20">
      <t>モウ</t>
    </rPh>
    <phoneticPr fontId="1"/>
  </si>
  <si>
    <t>床面は、滑りにくい材料で仕上げること。</t>
    <phoneticPr fontId="1"/>
  </si>
  <si>
    <t>・床面は、滑りにくい材料で仕上げること。</t>
    <phoneticPr fontId="1"/>
  </si>
  <si>
    <t>・戸を設ける場合には、１の項(2)エ(ｲ)に掲げるものであること。
　(ｲ)自動的に開閉する構造その他の障害者等が容易に開閉して通過できる構造とし、かつ、その前後に高低差がないこと。</t>
    <phoneticPr fontId="1"/>
  </si>
  <si>
    <t>・給湯設備は、温水の温度を容易に変えることができるものとすること。</t>
    <phoneticPr fontId="1"/>
  </si>
  <si>
    <t>(ｲ)戸を設ける場合には、１の項(2)エ(ｲ)に掲げるものであること。
⇒(ｲ)自動的に開閉する構造その他の障害者等が容易に開閉して通過できる構造とし、かつ、その前後に高低差がないこと。</t>
    <phoneticPr fontId="1"/>
  </si>
  <si>
    <t>一　出入口は、次に掲げるものであること。</t>
    <phoneticPr fontId="1"/>
  </si>
  <si>
    <t xml:space="preserve">ロ　戸を設ける場合には、自動的に開閉する構造その他の車いす使用者が容易に開閉して通過できる構造とし、かつ、その前後に高低差がないこと。(第10条第２項)　
</t>
    <phoneticPr fontId="1"/>
  </si>
  <si>
    <t>イ戸を設ける場合には、１の項(2)エ(ｲ)に掲げるものであること。
⇒(ｲ)自動的に開閉する構造その他の障害者等が容易に開閉して通過できる構造とし、かつ、その前後に高低差がないこと。</t>
    <phoneticPr fontId="1"/>
  </si>
  <si>
    <t>エ床面は、滑りにくい材料で仕上げること。</t>
    <phoneticPr fontId="1"/>
  </si>
  <si>
    <t>・床面は、滑りにくい仕上げとすること。</t>
    <phoneticPr fontId="1"/>
  </si>
  <si>
    <t>・マットを設ける場合は、埋込み式とするなど足をとられたり、車いすの通行の支障とならないよう配慮すること。</t>
    <phoneticPr fontId="1"/>
  </si>
  <si>
    <t>・シャワー及び水栓は、座ったままで利用できるようにし、水栓はレバー式等操作のしやすいものとすること。</t>
    <phoneticPr fontId="1"/>
  </si>
  <si>
    <t>・取外しができる客席を設け様々な状況に対応できるようにすること。</t>
    <phoneticPr fontId="1"/>
  </si>
  <si>
    <t>・車いす使用者用客席は車いす使用者の目線を確保するなど観覧しやすい位置に設けること。</t>
    <phoneticPr fontId="1"/>
  </si>
  <si>
    <t>・親子席ブース等を設置すること。</t>
    <phoneticPr fontId="1"/>
  </si>
  <si>
    <t>・マットを設ける場合は、埋込み式とするなど足を取られたり、車いす使用者の通行の支障とならないよう配慮すること。</t>
    <phoneticPr fontId="1"/>
  </si>
  <si>
    <t>２ 前項の標識は、当該標識に表示すべき内容が容易に識別できるもの（当該内容が日本工業規格Ｚ八二一〇に定められているときは、これに適合するもの）でなければならない。</t>
    <phoneticPr fontId="1"/>
  </si>
  <si>
    <t xml:space="preserve">移動等円滑化の措置がとられたエレベーターその他の昇降機、便所又は駐車施設の付近には、それぞれ、当該エレベーターその他の昇降機、便所又は駐車施設があることを表示する標識を、高齢者、障害者等の見やすい位置に設けなければならない。
</t>
    <phoneticPr fontId="1"/>
  </si>
  <si>
    <t>・当該標識に表示すべき内容が容易に識別できるもの（当該内容が日本工業規格Ｚ8210に定められているときは、これに適合するもの）とすること。</t>
    <phoneticPr fontId="1"/>
  </si>
  <si>
    <t xml:space="preserve">・特に駐車区画が多数あり、複数の場所にわたる大規模な駐車場にあっては、当該出入口から車いす使用者用駐車区画に至る経路について誘導のための表示を行うこと。
</t>
    <phoneticPr fontId="1"/>
  </si>
  <si>
    <t>・案内板表示面の高さは、原則として床面より50～150センチメートル程度の範囲とし、車いす使用者や弱視者等に見やすい高さに設けること。（この基準は利用者が板面から100センチメートル程度の距離から見ることを想定している。）</t>
    <phoneticPr fontId="1"/>
  </si>
  <si>
    <t>・大きく分かりやすい平易な文字、記号、図等で表記し、これらの色彩は地色と対比効果があるものとすることにより、子どもや知的障害者を含む、より多くの人が理解できるように配慮すること。</t>
    <phoneticPr fontId="1"/>
  </si>
  <si>
    <t>・弱視者等が接近して読むことができる位置に設置すること。</t>
    <phoneticPr fontId="1"/>
  </si>
  <si>
    <t>・障害者等の通行の支障にならないような位置に設け、車いす使用者が近づけるよう十分なスペースを確保すること。</t>
    <phoneticPr fontId="1"/>
  </si>
  <si>
    <t>・照明装置を設ける場合は、十分な照度を確保すること。</t>
    <phoneticPr fontId="1"/>
  </si>
  <si>
    <t>・案内板付近には触知図等を設置すること。</t>
    <phoneticPr fontId="1"/>
  </si>
  <si>
    <t>・けこみの一部は、高さ65センチメートル程度、奥行き45センチメートル程度とすること。
・車いす使用者が利用できるようカウンターの一部は、高さ75センチメートル程度とすること</t>
    <phoneticPr fontId="1"/>
  </si>
  <si>
    <t>・筆談用のメモなどを準備し、聴覚障害者とのコミュニケーションに配慮すること。</t>
    <phoneticPr fontId="1"/>
  </si>
  <si>
    <t>・必要に応じて、施設の受付等にファクシミリを備えること。</t>
    <phoneticPr fontId="1"/>
  </si>
  <si>
    <t>・現金自動預入・支払機の操作はタッチパネル式でないものも置くこととし、点字表示も行うこと。</t>
    <phoneticPr fontId="1"/>
  </si>
  <si>
    <t>(自動販売機等の構造）
・車いす使用者が接近できるよう十分なスペースを確保し、前面に段や障害物がないように配慮すること。</t>
    <phoneticPr fontId="1"/>
  </si>
  <si>
    <t>・操作ボタン、金銭投入・取出口等は、障害者等が円滑に利用できる構造とすること。</t>
    <phoneticPr fontId="1"/>
  </si>
  <si>
    <t>（水飲みの構造）
・水飲みの構造は壁掛け式とするなどにより下部に車いす使用者のひざが入るスペース(高さ65センチメートル程度、奥行き45センチメートル程度)を確保すること。</t>
    <phoneticPr fontId="1"/>
  </si>
  <si>
    <t>・給水栓は、光電式、ボタン又はレバー式とし、足踏み式のものは手動式のものも併設すること。</t>
    <phoneticPr fontId="1"/>
  </si>
  <si>
    <t>・音声増幅装置付き電話機を設置するよう努めること。この場合、分かりやすい位置にその旨表示すること。</t>
    <phoneticPr fontId="1"/>
  </si>
  <si>
    <t>・公衆電話台の高さは、75センチメートル程度とし、台下の高さを65センチメートル程度とすること。
・ダイヤルやボタンの中心の高さは、100センチメートル程度とする。
・けこみの奥行きは、45センチメートル程度確保すること。</t>
    <phoneticPr fontId="1"/>
  </si>
  <si>
    <t>・エスカレーター前に敷設する点状ブロックの位置は、エスカレーター始終端部の点検蓋から30センチメートル程度離れた箇所とすること。</t>
    <phoneticPr fontId="1"/>
  </si>
  <si>
    <t>・エスカレーターの始終端部では、音声等により視覚障害者等へ注意を喚起すること。</t>
    <phoneticPr fontId="1"/>
  </si>
  <si>
    <t>・乗降口に誘導柵を設けること。</t>
    <phoneticPr fontId="1"/>
  </si>
  <si>
    <t>・逆乗り防止のセンサーを設けること。</t>
    <phoneticPr fontId="1"/>
  </si>
  <si>
    <t>・集会、案内機能を有する居室（事務室、集会室、相談室など）等を設ける場合は、出入口に点字等により、現在位置及び部屋番号等を表示すること。</t>
    <phoneticPr fontId="1"/>
  </si>
  <si>
    <t>・主要な階段の踊場、廊下・地下街等の曲がり角には必要に応じて衝突を防止するための鏡を設置すること。</t>
    <phoneticPr fontId="1"/>
  </si>
  <si>
    <t>・その他の公共的施設においても客席を設ける場合にあっては難聴者の聴力を補う設備を設けること。</t>
    <phoneticPr fontId="1"/>
  </si>
  <si>
    <t>・手洗い、流し台、給湯器のほか、おむつ等を捨てるための大きめの汚物入れを設けること。</t>
    <phoneticPr fontId="1"/>
  </si>
  <si>
    <t>○県基準と国基準の比較（条文版）</t>
    <rPh sb="1" eb="2">
      <t>ケン</t>
    </rPh>
    <rPh sb="2" eb="4">
      <t>キジュン</t>
    </rPh>
    <rPh sb="5" eb="6">
      <t>クニ</t>
    </rPh>
    <rPh sb="6" eb="8">
      <t>キジュン</t>
    </rPh>
    <rPh sb="9" eb="11">
      <t>ヒカク</t>
    </rPh>
    <rPh sb="12" eb="14">
      <t>ジョウブン</t>
    </rPh>
    <rPh sb="14" eb="15">
      <t>バン</t>
    </rPh>
    <phoneticPr fontId="1"/>
  </si>
  <si>
    <r>
      <t>・主要な経路以外の通路に段を設ける場合にも、段に代わり、又はこれに併設する傾斜路又はエレベーターその他の昇降機を設けることが望ましい</t>
    </r>
    <r>
      <rPr>
        <b/>
        <sz val="8"/>
        <rFont val="ＭＳ ゴシック"/>
        <family val="3"/>
        <charset val="128"/>
      </rPr>
      <t>（2-47）</t>
    </r>
    <phoneticPr fontId="1"/>
  </si>
  <si>
    <t xml:space="preserve">
</t>
    <phoneticPr fontId="1"/>
  </si>
  <si>
    <t>・車いす使用者用駐車区画を次のとおり設けること。
　200台以下の場合は50分の１以上。
　200台を超える場合は100分の１プラス２以上。
・全ての公共的施設においては、本項に定める駐車場を設けること。</t>
    <phoneticPr fontId="1"/>
  </si>
  <si>
    <r>
      <t>・雨天時の乗降に困難が生じないよう、車椅子使用者の乗降に必要なスペースは屋内に設ける、又は屋外の駐車施設に屋根若しくは庇を設けることが望ましい。</t>
    </r>
    <r>
      <rPr>
        <b/>
        <sz val="8"/>
        <rFont val="ＭＳ ゴシック"/>
        <family val="3"/>
        <charset val="128"/>
      </rPr>
      <t>(2-60)</t>
    </r>
    <phoneticPr fontId="1"/>
  </si>
  <si>
    <t>・車椅子使用者が駐車場の管理員の介助がなくても自力で乗降できるよう、駐車装置の操作盤は、車椅子使用者が容易に操作できる位置に設ける。</t>
    <phoneticPr fontId="1"/>
  </si>
  <si>
    <t>・乗降スペースを車両の駐車位置の両側に設ける。乗降スペースの寸法は、車椅子の回転を考慮して幅140cm以上×奥行170cm以上とし、乗降スペースから機械式駐車装置の外まで車椅子が円滑に移動できる幅90cm以上の通路を確保する。</t>
    <phoneticPr fontId="1"/>
  </si>
  <si>
    <t>・機械式駐車装置の段差及び床の隙間は2cm以下とし、幅は乗降スペースを含めて350cm以上とする。</t>
    <phoneticPr fontId="1"/>
  </si>
  <si>
    <r>
      <t>２　前項の標識は、当該標識に表示すべき内容が容易に識別できるもの（当該内容が日本産業規格Ｚ八二一〇に定められているときは、これに適合するもの）でなければならない。</t>
    </r>
    <r>
      <rPr>
        <b/>
        <sz val="8"/>
        <rFont val="ＭＳ ゴシック"/>
        <family val="3"/>
        <charset val="128"/>
      </rPr>
      <t>（第14条）</t>
    </r>
    <phoneticPr fontId="1"/>
  </si>
  <si>
    <t>・開閉により当該戸の一部が廊下等の当該戸がある側の壁面線を越えない構造とすること。</t>
    <phoneticPr fontId="1"/>
  </si>
  <si>
    <r>
      <t>・水処理、エキスパンションなどの関係から多少の段差が生じる場合についても、車椅子使用者等の通行の支障にならないよう傾斜路を設ける等により、円滑な移動を確保することが望ましい。</t>
    </r>
    <r>
      <rPr>
        <b/>
        <sz val="8"/>
        <rFont val="ＭＳ ゴシック"/>
        <family val="3"/>
        <charset val="128"/>
      </rPr>
      <t>（２-69）</t>
    </r>
    <phoneticPr fontId="1"/>
  </si>
  <si>
    <t>・戸の全面が透明な場合は、衝突を防止するための措置を講ずること。</t>
    <phoneticPr fontId="1"/>
  </si>
  <si>
    <t>・手動ドアには、指つめ防止の配慮を行うこと。</t>
    <phoneticPr fontId="1"/>
  </si>
  <si>
    <r>
      <t>・非常時の対応のため、手動式の戸を併設することが望ましい。</t>
    </r>
    <r>
      <rPr>
        <b/>
        <sz val="8"/>
        <rFont val="ＭＳ ゴシック"/>
        <family val="3"/>
        <charset val="128"/>
      </rPr>
      <t>（２-71）</t>
    </r>
    <phoneticPr fontId="1"/>
  </si>
  <si>
    <t>・風除室内での方向転換は､避けることが望ましい。</t>
    <phoneticPr fontId="1"/>
  </si>
  <si>
    <t>玄関マット</t>
    <rPh sb="0" eb="2">
      <t>ゲンカン</t>
    </rPh>
    <phoneticPr fontId="1"/>
  </si>
  <si>
    <t>照明</t>
    <rPh sb="0" eb="2">
      <t>ショウメイ</t>
    </rPh>
    <phoneticPr fontId="1"/>
  </si>
  <si>
    <t>車椅子使用者用駐車施設は平置き式とすることが望ましいが、狭小敷地の場合等、やむを得ず機械式駐車装置で確保する場合には、駐車場管理員の配置や当該駐車装置の特性に応じた安全対策を講じる等、車椅子使用者の利用に支障がないものとする。</t>
    <phoneticPr fontId="1"/>
  </si>
  <si>
    <t>機械式駐車装置</t>
    <phoneticPr fontId="1"/>
  </si>
  <si>
    <t>・曲がり角には鏡を設けるなどにより、衝突防止の配慮をすること。</t>
    <phoneticPr fontId="1"/>
  </si>
  <si>
    <t>防火戸</t>
    <rPh sb="0" eb="2">
      <t>ボウカ</t>
    </rPh>
    <rPh sb="2" eb="3">
      <t>ト</t>
    </rPh>
    <phoneticPr fontId="1"/>
  </si>
  <si>
    <t>（１）　幅は、80センチメートル以上とすること。</t>
    <phoneticPr fontId="1"/>
  </si>
  <si>
    <r>
      <t>・必要に応じて、足元灯を設ける。</t>
    </r>
    <r>
      <rPr>
        <b/>
        <sz val="8"/>
        <rFont val="ＭＳ ゴシック"/>
        <family val="3"/>
        <charset val="128"/>
      </rPr>
      <t>（2-85）</t>
    </r>
    <phoneticPr fontId="1"/>
  </si>
  <si>
    <t>床や壁の識別性の確保</t>
    <phoneticPr fontId="1"/>
  </si>
  <si>
    <r>
      <t>・屋内階段の形状は、直階段又は折り返し階段とし、転倒時の危険防止等を考慮し、踊場を設ける</t>
    </r>
    <r>
      <rPr>
        <b/>
        <sz val="8"/>
        <rFont val="ＭＳ ゴシック"/>
        <family val="3"/>
        <charset val="128"/>
      </rPr>
      <t>（2-89）</t>
    </r>
    <phoneticPr fontId="1"/>
  </si>
  <si>
    <r>
      <t>二　蹴上げの寸法は、16センチメートル以下とすること。
三　踏面の寸法は、30センチメートル以上とすること。</t>
    </r>
    <r>
      <rPr>
        <b/>
        <sz val="8"/>
        <rFont val="ＭＳ ゴシック"/>
        <family val="3"/>
        <charset val="128"/>
      </rPr>
      <t>（第４条）　</t>
    </r>
    <phoneticPr fontId="1"/>
  </si>
  <si>
    <t>・けあげ16センチメートル程度、踏面30センチメートル以上とすること。</t>
    <phoneticPr fontId="1"/>
  </si>
  <si>
    <r>
      <t>・主たる階段の有効幅員は120cm以上とする。（手すりが設けられた場合にあっては、手すりの幅が10cmを限度として、ないものとみなして算定することができる。）</t>
    </r>
    <r>
      <rPr>
        <b/>
        <sz val="8"/>
        <rFont val="ＭＳ ゴシック"/>
        <family val="3"/>
        <charset val="128"/>
      </rPr>
      <t>（2-90）</t>
    </r>
    <phoneticPr fontId="1"/>
  </si>
  <si>
    <r>
      <t>・杖使用者が円滑に上下できるよう、階段の有効幅員は、140cm以上とすることが望ましい。</t>
    </r>
    <r>
      <rPr>
        <b/>
        <sz val="8"/>
        <rFont val="ＭＳ ゴシック"/>
        <family val="3"/>
        <charset val="128"/>
      </rPr>
      <t>（2-90）</t>
    </r>
    <phoneticPr fontId="1"/>
  </si>
  <si>
    <r>
      <t>・聴覚障害者等が安全に通行し、また衝突を回避することができるよう、折り返し階段の屈曲部には、鏡を設けることが望ましい。</t>
    </r>
    <r>
      <rPr>
        <b/>
        <sz val="8"/>
        <rFont val="ＭＳ ゴシック"/>
        <family val="3"/>
        <charset val="128"/>
      </rPr>
      <t>（2-92）</t>
    </r>
    <phoneticPr fontId="1"/>
  </si>
  <si>
    <t>大規模な集会施設等におけるエレベーター</t>
    <rPh sb="8" eb="9">
      <t>トウ</t>
    </rPh>
    <phoneticPr fontId="1"/>
  </si>
  <si>
    <r>
      <t>主要な経路上のエレベーターの籠（人を乗せ昇降する部分をいう。）は、利用居室、車椅子使用者用便房又は車椅子使用者用駐車施設がある階及び地上階に停止するものとする。（地上階又はその直上階若しくは直下階のみに利用居室を設ける場合にあっては、当該地上階とその直上階又は直下階との間の上下の移動に係る部分を除く。））</t>
    </r>
    <r>
      <rPr>
        <b/>
        <sz val="8"/>
        <rFont val="ＭＳ ゴシック"/>
        <family val="3"/>
        <charset val="128"/>
      </rPr>
      <t>（2-97）</t>
    </r>
    <phoneticPr fontId="1"/>
  </si>
  <si>
    <r>
      <t>主要な経路上のエレベーターの籠及び昇降路の出入口の幅は、80cm以上とする。</t>
    </r>
    <r>
      <rPr>
        <b/>
        <sz val="8"/>
        <rFont val="ＭＳ ゴシック"/>
        <family val="3"/>
        <charset val="128"/>
      </rPr>
      <t>（2-98）</t>
    </r>
    <phoneticPr fontId="1"/>
  </si>
  <si>
    <t>段及びすきま</t>
    <phoneticPr fontId="1"/>
  </si>
  <si>
    <r>
      <t>聴覚障害者等の利用に配慮し、緊急時等において籠内外の連絡等が可能となるよう、エレベーターの出入口には、下端の高さが床上50㎝程度のガラス窓（防火区画との関係に注意が必要）を設けることが望ましい。</t>
    </r>
    <r>
      <rPr>
        <b/>
        <sz val="8"/>
        <rFont val="ＭＳ ゴシック"/>
        <family val="3"/>
        <charset val="128"/>
      </rPr>
      <t>（2-99）</t>
    </r>
    <phoneticPr fontId="1"/>
  </si>
  <si>
    <t>・呼び出しボタンは開閉ボタンの下部に設ける。</t>
    <phoneticPr fontId="1"/>
  </si>
  <si>
    <r>
      <t>・主要な経路上以外のエレベーターでも、乗降ロビーに、到着する籠の昇降方向を表示する装置を設けることが望ましい。</t>
    </r>
    <r>
      <rPr>
        <b/>
        <sz val="8"/>
        <rFont val="ＭＳ ゴシック"/>
        <family val="3"/>
        <charset val="128"/>
      </rPr>
      <t>（2-101）</t>
    </r>
    <phoneticPr fontId="1"/>
  </si>
  <si>
    <t>視覚障害者誘導用ブロック等</t>
    <phoneticPr fontId="1"/>
  </si>
  <si>
    <t>屋根、庇</t>
    <phoneticPr fontId="1"/>
  </si>
  <si>
    <t>・手すりは高さ75～85センチメートル程度に設置すること。
・手すりは握りやすい形状とすること。</t>
    <phoneticPr fontId="1"/>
  </si>
  <si>
    <t>乗降者検知装置</t>
    <phoneticPr fontId="1"/>
  </si>
  <si>
    <t>高齢者、障害者等と他の利用者が同じ通路を利用できるように計画する。やむを得ず高齢者、障害者等用の通路を別に設ける場合は、他の利用者と著しく異なる経路としない。</t>
    <phoneticPr fontId="1"/>
  </si>
  <si>
    <t>・通路や傾斜路の凍結や積雪を防止するため、積雪寒冷地では、融雪装置や上屋を設けることが望ましい。</t>
    <phoneticPr fontId="1"/>
  </si>
  <si>
    <t>水勾配が必要な場合を除き、主要な経路上の通路は水平とする。</t>
    <phoneticPr fontId="1"/>
  </si>
  <si>
    <t>・杖等による危険の認知、車椅子のキャスター等の脱輪防止等のため、側壁がない傾斜路側端には、5㎝以上の立ち上がりを設けることが望ましい。</t>
    <phoneticPr fontId="1"/>
  </si>
  <si>
    <t>・側面に壁面がない場合は、車椅子の乗り越え防止のため立ち上がり部に高さ35cm以上の幅木状の車椅子当たりを連続して設けることが望ましい。</t>
    <phoneticPr fontId="1"/>
  </si>
  <si>
    <t>・敷地内の通路上に不用意な物品や案内板等が置かれていると、設計で配慮した高齢者、障害者等の利用しやすさが機能しなくなるため、施設運用上のあり方を十分検討し、物品や案内板等による通行の支障が生じないようにすることが望ましい。</t>
    <phoneticPr fontId="1"/>
  </si>
  <si>
    <t>・車椅子使用者の利用が多い用途の建築物の壁には、車椅子当たりを設けることが望ましい。</t>
    <phoneticPr fontId="1"/>
  </si>
  <si>
    <t>・必要に応じて、足元灯を設ける。</t>
    <phoneticPr fontId="1"/>
  </si>
  <si>
    <t>・外部に面する階段においては、自然光が入る窓等を設けることが望ましい。
※階段室に窓等を設ける場合は、太陽光線が直接目に入ることのないように配慮する。</t>
    <phoneticPr fontId="1"/>
  </si>
  <si>
    <t>蹴込み板のない形状は避けることが望ましい</t>
    <rPh sb="0" eb="1">
      <t>ケ</t>
    </rPh>
    <rPh sb="1" eb="2">
      <t>コミ</t>
    </rPh>
    <rPh sb="3" eb="4">
      <t>イタ</t>
    </rPh>
    <rPh sb="7" eb="9">
      <t>ケイジョウ</t>
    </rPh>
    <rPh sb="10" eb="11">
      <t>サ</t>
    </rPh>
    <rPh sb="16" eb="17">
      <t>ノゾ</t>
    </rPh>
    <phoneticPr fontId="1"/>
  </si>
  <si>
    <t>・側面を手すり子形式の手すり等とする場合には、杖が落下しないよう、階段の側桁又は地覆を5cm以上、立ち上げることが望ましい。</t>
    <phoneticPr fontId="1"/>
  </si>
  <si>
    <t>・蹴上げ、踏み面は次の計算式を満たす寸法とすることが望ましい。
　　550㎜≦Ｔ＋２Ｒ≦650mm 
　　（Ｔ：踏み面、Ｒ：蹴上げ）　</t>
    <phoneticPr fontId="1"/>
  </si>
  <si>
    <t>・高齢者、障害者等がドアに挟まれないよう、ドア走行部で存在検出を行うため、ドア枠の左右かつ適切な高さに、安全装置（補助光電センサー）を設置する。</t>
    <phoneticPr fontId="1"/>
  </si>
  <si>
    <t>・戸の全面をガラスとする場合や出入口付近の壁面全面をガラスとする場合には、衝突防止シールや横桟等の衝突防止対策を講じることが望ましい。</t>
    <phoneticPr fontId="1"/>
  </si>
  <si>
    <t>・衝突時や転倒時の事故防止のため、戸のガラス等には安全ガラス（合わせガラス又は強化ガラスをいう。以下同じ）を用いる。
・「ガラスを用いた開口部の安全設計指針（昭和61年建設省住指発第116号、117号）」等を参照し、安全性の高いガラスを選択する。</t>
    <phoneticPr fontId="1"/>
  </si>
  <si>
    <t>・主要な経路上の出入口に、回転戸を使用することは避ける。</t>
    <phoneticPr fontId="1"/>
  </si>
  <si>
    <t>・杖先を引っかけたりしないよう、しっかりと端部を固定する。
・玄関マットと視覚障害者誘導用ブロック等との取り合いに配慮する。</t>
    <phoneticPr fontId="1"/>
  </si>
  <si>
    <t>・利用者同士の衝突の危険を防止するため、また車椅子使用者の方向転回を容易にするため、廊下等の屈曲部では、壁の出隅の面取り・隅切り等を行うことが望ましい。</t>
    <phoneticPr fontId="1"/>
  </si>
  <si>
    <r>
      <t>・主要な経路上以外のエレベーターでも、籠の奥行きは、135cm以上とすることが望ましい。
・座位変換型の電動車椅子使用者等の利用に配慮し、主要な経路上のエレベーターの籠の奥行きは、150cm以上とすることが望ましい。</t>
    </r>
    <r>
      <rPr>
        <sz val="8"/>
        <rFont val="ＭＳ ゴシック"/>
        <family val="3"/>
        <charset val="128"/>
      </rPr>
      <t xml:space="preserve">
・多数の者が利用し、又は床面積の合計が2,000㎡未満の不特定多数の者が利用する建築物でも、主要な経路上のエレベーターの籠の幅は、140cm以上で収容人員11人乗り以上とすることが望ましく、籠は、車椅子の転回に支障がない構造とすることが望ましい。</t>
    </r>
    <r>
      <rPr>
        <b/>
        <sz val="8"/>
        <rFont val="ＭＳ ゴシック"/>
        <family val="3"/>
        <charset val="128"/>
      </rPr>
      <t>（2-98）</t>
    </r>
    <r>
      <rPr>
        <sz val="8"/>
        <rFont val="ＭＳ ゴシック"/>
        <family val="3"/>
        <charset val="128"/>
      </rPr>
      <t xml:space="preserve">
・不特定多数の者が利用する建築物の1以上のエレベーターの籠の幅は、160cm以上とすることが望ましい。</t>
    </r>
    <r>
      <rPr>
        <b/>
        <sz val="8"/>
        <rFont val="ＭＳ ゴシック"/>
        <family val="3"/>
        <charset val="128"/>
      </rPr>
      <t>（2-98）</t>
    </r>
    <phoneticPr fontId="1"/>
  </si>
  <si>
    <t>・取り付け高さは、床から75～85cm程度とすることが望ましい。</t>
    <phoneticPr fontId="1"/>
  </si>
  <si>
    <t>・車椅子使用者用駐車施設の乗降用スペースの表面は、斜線等の塗装、床材の色の違い等により、その他の部分と容易に識別できるよう区分する。</t>
    <phoneticPr fontId="1"/>
  </si>
  <si>
    <t>・駐車場の進入口には、車椅子使用者用駐車施設が設置されていることがわかるよう表示する。</t>
    <phoneticPr fontId="1"/>
  </si>
  <si>
    <r>
      <t>車椅子使用者対応の乗り場ボタンは、車椅子使用者が操作しやすく、当該ボタンを押すことにより、戸の開放時間が通常より長くなる機能を有するものとする。</t>
    </r>
    <r>
      <rPr>
        <b/>
        <sz val="8"/>
        <rFont val="ＭＳ ゴシック"/>
        <family val="3"/>
        <charset val="128"/>
      </rPr>
      <t>（2-100）</t>
    </r>
    <r>
      <rPr>
        <sz val="8"/>
        <rFont val="ＭＳ ゴシック"/>
        <family val="3"/>
        <charset val="128"/>
      </rPr>
      <t/>
    </r>
    <phoneticPr fontId="1"/>
  </si>
  <si>
    <r>
      <t>・主要な経路上のエレベーターの乗降ロビーには、車椅子使用者が利用しやすい位置に乗り場ボタン（制御装置）を設ける。（車椅子使用者対応の乗り場ボタンの設置高さは、床から100cm程度とする）</t>
    </r>
    <r>
      <rPr>
        <b/>
        <sz val="8"/>
        <rFont val="ＭＳ ゴシック"/>
        <family val="3"/>
        <charset val="128"/>
      </rPr>
      <t xml:space="preserve">（2-100）
</t>
    </r>
    <r>
      <rPr>
        <sz val="8"/>
        <rFont val="ＭＳ ゴシック"/>
        <family val="3"/>
        <charset val="128"/>
      </rPr>
      <t/>
    </r>
    <phoneticPr fontId="1"/>
  </si>
  <si>
    <r>
      <t>・主要な経路上のエレベーターの籠内に、籠が到着する階並びに籠及び昇降路の出入口の戸の閉鎖を音声により知らせる装置を設ける。（エレベーター及び乗降ロビーを自動車車庫に設ける場合を除く）</t>
    </r>
    <r>
      <rPr>
        <b/>
        <sz val="8"/>
        <rFont val="ＭＳ ゴシック"/>
        <family val="3"/>
        <charset val="128"/>
      </rPr>
      <t>（2-103）</t>
    </r>
    <rPh sb="88" eb="89">
      <t>ノゾ</t>
    </rPh>
    <phoneticPr fontId="1"/>
  </si>
  <si>
    <r>
      <t>・主要な経路上のエレベーターの籠内に、籠が停止する予定の階及び籠の現在位置を表示する装置を設ける。</t>
    </r>
    <r>
      <rPr>
        <b/>
        <sz val="8"/>
        <rFont val="ＭＳ ゴシック"/>
        <family val="3"/>
        <charset val="128"/>
      </rPr>
      <t>（2-103）</t>
    </r>
    <phoneticPr fontId="1"/>
  </si>
  <si>
    <t>その他の表示装置等（緊急時の対応）</t>
    <rPh sb="10" eb="13">
      <t>キンキュウジ</t>
    </rPh>
    <rPh sb="14" eb="16">
      <t>タイオウ</t>
    </rPh>
    <phoneticPr fontId="1"/>
  </si>
  <si>
    <t>車止めの設置</t>
    <rPh sb="0" eb="1">
      <t>クルマ</t>
    </rPh>
    <rPh sb="1" eb="2">
      <t>ド</t>
    </rPh>
    <rPh sb="4" eb="6">
      <t>セッチ</t>
    </rPh>
    <phoneticPr fontId="1"/>
  </si>
  <si>
    <t>エスコートゾーン</t>
    <phoneticPr fontId="1"/>
  </si>
  <si>
    <r>
      <t>車止め（ボラード）は、視覚障害者が衝突することや、車椅子使用者等の通過の障害となることがあるので、原則として設置しないことが望ましい。やむを得ず設置する場合は、車椅子使用者の通路幅員を確保し、白杖で認知しやすい大きさや、(（ロービジョン）が認知しやすいものとし、夜間の衝突を防止するために照明等の配慮をする。</t>
    </r>
    <r>
      <rPr>
        <b/>
        <sz val="8"/>
        <rFont val="ＭＳ ゴシック"/>
        <family val="3"/>
        <charset val="128"/>
      </rPr>
      <t>（2-48）</t>
    </r>
    <phoneticPr fontId="1"/>
  </si>
  <si>
    <r>
      <t>・やむを得ず、歩行者と車の動線が交差する場合においては、歩行者用通路には「エスコートゾーン（視覚障害者誘導用標示）」を設け、見通しを良くする等、危険を回避することが望ましい。</t>
    </r>
    <r>
      <rPr>
        <b/>
        <sz val="8"/>
        <rFont val="ＭＳ ゴシック"/>
        <family val="3"/>
        <charset val="128"/>
      </rPr>
      <t>（2-48）</t>
    </r>
    <phoneticPr fontId="1"/>
  </si>
  <si>
    <t>７-２　エスカレーター</t>
    <phoneticPr fontId="1"/>
  </si>
  <si>
    <t xml:space="preserve">・移動手すりの折り返し端は、乗り口では踏段手前くし部分から70cm程度延長し、降り口では踏段後方くし部分から70cm程度延長することが望ましい。
</t>
    <phoneticPr fontId="1"/>
  </si>
  <si>
    <r>
      <t>・くし板は、くし板と踏段との色の明度、色相又は彩度の差が大きいことにより、段を容易に識別できるものとすることが望ましい</t>
    </r>
    <r>
      <rPr>
        <b/>
        <sz val="8"/>
        <rFont val="ＭＳ ゴシック"/>
        <family val="3"/>
        <charset val="128"/>
      </rPr>
      <t>（2-106）</t>
    </r>
    <phoneticPr fontId="1"/>
  </si>
  <si>
    <t>（1）部品・設備等</t>
    <phoneticPr fontId="1"/>
  </si>
  <si>
    <t>・階段又は段に併設するエレベーターその他の昇降機に該当する車椅子使用者対応エスカレーターは、車椅子に座ったまま車椅子使用者を昇降させる場合に2枚以上の踏段を同一の面に保ちながら昇降を行うエスカレーターで、当該運転時において、踏段の定格速度を30m毎分以下とし、かつ、2枚以上の踏段を同一の面とした部分の先端に車止めを設けたものとする。</t>
    <phoneticPr fontId="1"/>
  </si>
  <si>
    <t>・車椅子使用者対応エスカレーターの構造は、平成12年建設省告示第1417号第一ただし書に規定するもの（※）とする。
※エスカレーターの手すりの上端部の外側とこれに近接して交差する建築物の天井、はりその他これに類する部分又は他のエスカレーターの下面（「交差部」）の水平距離が50cm以下の部分には、保護板を設ける。
イ 交差部の下面に設ける
ロ 端は厚さ6mm以上の角がないものとし、エスカレーターの手すりの上端部から鉛直に20cm以下の高さまで届く長さの構造とする
ハ 交差部のエスカレーターに面した側と段差がない</t>
    <phoneticPr fontId="1"/>
  </si>
  <si>
    <t>（2）案内表示</t>
    <rPh sb="3" eb="5">
      <t>アンナイ</t>
    </rPh>
    <rPh sb="5" eb="7">
      <t>ヒョウジ</t>
    </rPh>
    <phoneticPr fontId="1"/>
  </si>
  <si>
    <t>表示板(標識）</t>
    <rPh sb="0" eb="3">
      <t>ヒョウジバン</t>
    </rPh>
    <rPh sb="4" eb="6">
      <t>ヒョウシキ</t>
    </rPh>
    <phoneticPr fontId="1"/>
  </si>
  <si>
    <t>配置</t>
    <rPh sb="0" eb="2">
      <t>ハイチ</t>
    </rPh>
    <phoneticPr fontId="1"/>
  </si>
  <si>
    <r>
      <t>・視覚障害者等にとっては、どこの便所でも利用方法が同じでれば、非常にわかりやすいため、同一建築物では、できる限り同じ配置、同じ部品を使用することが望ましい。
・階によって配置をかえる場合には、わかりやすく表示することが望ましい。
・知的・発達障害者等に配慮し、便房内の配置や案内表示はわかりやすいものとすることが望ましい。</t>
    </r>
    <r>
      <rPr>
        <b/>
        <sz val="8"/>
        <rFont val="ＭＳ ゴシック"/>
        <family val="3"/>
        <charset val="128"/>
      </rPr>
      <t>（2-119）</t>
    </r>
    <phoneticPr fontId="1"/>
  </si>
  <si>
    <r>
      <t>・車椅子使用者用便房が設けられている便所の出入口の有効幅員は、80cm以上とする。</t>
    </r>
    <r>
      <rPr>
        <b/>
        <sz val="8"/>
        <rFont val="ＭＳ ゴシック"/>
        <family val="3"/>
        <charset val="128"/>
      </rPr>
      <t>（2-119）</t>
    </r>
    <phoneticPr fontId="1"/>
  </si>
  <si>
    <r>
      <t>・車椅子使用者用便房が設けられている便所内の通路には、車椅子使用者が方向転換ができるよう、140㎝角以上の水平スペースを設ける。</t>
    </r>
    <r>
      <rPr>
        <b/>
        <sz val="8"/>
        <rFont val="ＭＳ ゴシック"/>
        <family val="3"/>
        <charset val="128"/>
      </rPr>
      <t>（2-119）</t>
    </r>
    <phoneticPr fontId="1"/>
  </si>
  <si>
    <r>
      <t>・床には段を設けない。</t>
    </r>
    <r>
      <rPr>
        <b/>
        <sz val="8"/>
        <rFont val="ＭＳ ゴシック"/>
        <family val="3"/>
        <charset val="128"/>
      </rPr>
      <t>（2-119）</t>
    </r>
    <phoneticPr fontId="1"/>
  </si>
  <si>
    <t>・男子用小便器のある便所が設けられている階ごとに、当該便所のうち1以上に、床置式の小便器、壁掛式の小便器（受け口の高さが35cm以下のものに限る。）その他これらに類する小便器を1以上設けることが望ましい。</t>
    <phoneticPr fontId="1"/>
  </si>
  <si>
    <r>
      <t>・小便器の脇には、杖や傘等を立てかけるくぼみ、又はフックを設けることが望ましい。
・小便器の正面には、手荷物置き台を設けることが望ましい。</t>
    </r>
    <r>
      <rPr>
        <b/>
        <sz val="8"/>
        <rFont val="ＭＳ ゴシック"/>
        <family val="3"/>
        <charset val="128"/>
      </rPr>
      <t>（2-119）</t>
    </r>
    <phoneticPr fontId="1"/>
  </si>
  <si>
    <t>近接して車いす使用者用便房が設けられていない場合</t>
    <rPh sb="0" eb="2">
      <t>キンセツ</t>
    </rPh>
    <rPh sb="4" eb="5">
      <t>クルマ</t>
    </rPh>
    <rPh sb="7" eb="10">
      <t>シヨウシャ</t>
    </rPh>
    <rPh sb="10" eb="11">
      <t>ヨウ</t>
    </rPh>
    <rPh sb="11" eb="12">
      <t>ベン</t>
    </rPh>
    <rPh sb="12" eb="13">
      <t>ボウ</t>
    </rPh>
    <rPh sb="14" eb="15">
      <t>モウ</t>
    </rPh>
    <rPh sb="22" eb="24">
      <t>バアイ</t>
    </rPh>
    <phoneticPr fontId="1"/>
  </si>
  <si>
    <r>
      <t>・水栓金具は、レバー式、センサー式等、操作が容易なものとする。</t>
    </r>
    <r>
      <rPr>
        <b/>
        <sz val="8"/>
        <rFont val="ＭＳ ゴシック"/>
        <family val="3"/>
        <charset val="128"/>
      </rPr>
      <t>（2-120）</t>
    </r>
    <phoneticPr fontId="1"/>
  </si>
  <si>
    <r>
      <t>施設用途や規模等を考慮した上で、便所（男子用及び女子用の区別があるときは、それぞれ1以上）には、乳幼児用おむつ交換台を１以上設ける</t>
    </r>
    <r>
      <rPr>
        <b/>
        <sz val="8"/>
        <rFont val="ＭＳ ゴシック"/>
        <family val="3"/>
        <charset val="128"/>
      </rPr>
      <t>（2-121）</t>
    </r>
    <phoneticPr fontId="1"/>
  </si>
  <si>
    <t>ベンチ等</t>
    <rPh sb="3" eb="4">
      <t>トウ</t>
    </rPh>
    <phoneticPr fontId="1"/>
  </si>
  <si>
    <r>
      <t>便房の近くには、介助者が待つためのベンチ等を設けることが望ましい。</t>
    </r>
    <r>
      <rPr>
        <b/>
        <sz val="8"/>
        <rFont val="ＭＳ ゴシック"/>
        <family val="3"/>
        <charset val="128"/>
      </rPr>
      <t>（2-121）</t>
    </r>
    <phoneticPr fontId="1"/>
  </si>
  <si>
    <t>視覚障害者誘導用ブロック等</t>
    <rPh sb="0" eb="2">
      <t>シカク</t>
    </rPh>
    <rPh sb="2" eb="5">
      <t>ショウガイシャ</t>
    </rPh>
    <rPh sb="5" eb="8">
      <t>ユウドウヨウ</t>
    </rPh>
    <rPh sb="12" eb="13">
      <t>トウ</t>
    </rPh>
    <phoneticPr fontId="1"/>
  </si>
  <si>
    <r>
      <t>便所までの経路に視覚障害者誘導用ブロック等を設ける場合には、車椅子使用者用便房以外の便所に誘導する。</t>
    </r>
    <r>
      <rPr>
        <b/>
        <sz val="8"/>
        <rFont val="ＭＳ ゴシック"/>
        <family val="3"/>
        <charset val="128"/>
      </rPr>
      <t>（2-121）</t>
    </r>
    <phoneticPr fontId="1"/>
  </si>
  <si>
    <t>照明、換気、音</t>
    <rPh sb="0" eb="2">
      <t>ショウメイ</t>
    </rPh>
    <rPh sb="3" eb="5">
      <t>カンキ</t>
    </rPh>
    <rPh sb="6" eb="7">
      <t>オト</t>
    </rPh>
    <phoneticPr fontId="1"/>
  </si>
  <si>
    <r>
      <t>便所、便房の利用に支障のない明るさを確保できるよう、照明設備を設ける。</t>
    </r>
    <r>
      <rPr>
        <b/>
        <sz val="8"/>
        <rFont val="ＭＳ ゴシック"/>
        <family val="3"/>
        <charset val="128"/>
      </rPr>
      <t>（2-121）</t>
    </r>
    <phoneticPr fontId="1"/>
  </si>
  <si>
    <r>
      <t>発達障害等による感覚過敏への配慮として、十分な換気等による臭気等の対策や、音や光について可能な限り低刺激である設備機器の採用を行うことが望ましい。</t>
    </r>
    <r>
      <rPr>
        <b/>
        <sz val="8"/>
        <rFont val="ＭＳ ゴシック"/>
        <family val="3"/>
        <charset val="128"/>
      </rPr>
      <t>（2-121）</t>
    </r>
    <phoneticPr fontId="1"/>
  </si>
  <si>
    <t>・便所及び便房内では聴覚障害者に非常警報がわかるよう、フラッシュライト等の光警報装置を設けることが望ましい。（「光警報装置の設置に係るガイドライン」では、光警報装置は白色光とすると示されている。）
・フラッシュライト等は、便房の戸を閉じた状態でも、便所内からその点滅が十分識別できる位置に設置することが望ましい。</t>
    <phoneticPr fontId="1"/>
  </si>
  <si>
    <t>・床面は滑りにくい材料・仕上げとする。</t>
    <phoneticPr fontId="1"/>
  </si>
  <si>
    <r>
      <t>・床面の材料・仕上げは、転倒したときの危険防止のため適度に弾性のあるものとする。</t>
    </r>
    <r>
      <rPr>
        <b/>
        <sz val="8"/>
        <rFont val="ＭＳ ゴシック"/>
        <family val="3"/>
        <charset val="128"/>
      </rPr>
      <t>（2-122）</t>
    </r>
    <phoneticPr fontId="1"/>
  </si>
  <si>
    <r>
      <t>・排水溝等を設ける必要がある場合には、視覚障害者や肢体不自由者等にとって危険にならないように、配置を考慮することが望ましい。</t>
    </r>
    <r>
      <rPr>
        <b/>
        <sz val="8"/>
        <rFont val="ＭＳ ゴシック"/>
        <family val="3"/>
        <charset val="128"/>
      </rPr>
      <t>（2-122）</t>
    </r>
    <phoneticPr fontId="1"/>
  </si>
  <si>
    <r>
      <t>・便所の付近には、便所があることを表示する表示板（標識）を設ける。
・表示板は、高齢者、障害者等の見やすい位置に設ける。
・表示板は、ピクトグラム等の表示すべき内容が容易に識別できるもの（当該内容がJISZ 8210 案内用図記号に定められているときは、これに適合するもの）とする。</t>
    </r>
    <r>
      <rPr>
        <b/>
        <sz val="8"/>
        <rFont val="ＭＳ ゴシック"/>
        <family val="3"/>
        <charset val="128"/>
      </rPr>
      <t>（2-122）</t>
    </r>
    <phoneticPr fontId="1"/>
  </si>
  <si>
    <t>表示板（標識）</t>
    <rPh sb="0" eb="3">
      <t>ヒョウジバン</t>
    </rPh>
    <rPh sb="4" eb="6">
      <t>ヒョウシキ</t>
    </rPh>
    <phoneticPr fontId="1"/>
  </si>
  <si>
    <t>案内図</t>
    <rPh sb="0" eb="3">
      <t>アンナイズ</t>
    </rPh>
    <phoneticPr fontId="1"/>
  </si>
  <si>
    <r>
      <t>・便所の出入口には、男女の別、男女共用、便所内部の配置等をわかりやすく表示した案内図を設けることが望ましい。
・利用者を誘導するため、案内図には、文字や図記号等により、便房の位置・設備をわかりやすく表示する。
・案内図は、視覚障害者の利用に配慮し、点字等による表示や触知案内図を兼ねたものとする。また必要に応じて音声による案内・誘導を行う。
・触知案内図等は、床から中心までの高さが140cmから150cmとなるよう設置する。
・弱視者（ロービジョン）等にも配慮し、案内図は大きさや設置位置に配慮したものとする。</t>
    </r>
    <r>
      <rPr>
        <b/>
        <sz val="8"/>
        <rFont val="ＭＳ ゴシック"/>
        <family val="3"/>
        <charset val="128"/>
      </rPr>
      <t xml:space="preserve">（2-122）
</t>
    </r>
    <r>
      <rPr>
        <sz val="8"/>
        <rFont val="ＭＳ ゴシック"/>
        <family val="3"/>
        <charset val="128"/>
      </rPr>
      <t>・多数の視覚障害者が利用する施設の便所では、男性用・女性用の位置等を、音声により案内することが望ましい。
・音声案内を行う場合は、短い時間で簡潔に情報提供することに配慮することが望ましい。</t>
    </r>
    <r>
      <rPr>
        <b/>
        <sz val="8"/>
        <rFont val="ＭＳ ゴシック"/>
        <family val="3"/>
        <charset val="128"/>
      </rPr>
      <t>（2-123）</t>
    </r>
    <phoneticPr fontId="1"/>
  </si>
  <si>
    <t>便房の機能を示す表示板（標識）</t>
    <rPh sb="0" eb="1">
      <t>ベン</t>
    </rPh>
    <rPh sb="1" eb="2">
      <t>ボウ</t>
    </rPh>
    <rPh sb="3" eb="5">
      <t>キノウ</t>
    </rPh>
    <rPh sb="6" eb="7">
      <t>シメ</t>
    </rPh>
    <rPh sb="8" eb="11">
      <t>ヒョウジバン</t>
    </rPh>
    <rPh sb="12" eb="14">
      <t>ヒョウシキ</t>
    </rPh>
    <phoneticPr fontId="1"/>
  </si>
  <si>
    <r>
      <t>・便房の出入口や戸には、便房の設備や機能を、文字や図記号等により、わかりやすく表示する。
・表示板は、ピクトグラム等の表示すべき内容が容易に識別できるもの（当該内容がJISZ 8210 案内用図記号に定められているときは、これに適合するもの）とする。
・高齢者障害者等用便房（バリアフリートイレ）の表示は、「多機能」「多目的」等、利用対象とならない方を含め、誰でも使用できるような名称ではなく、利用対象及び個別機能を表示するピクトグラム等のみで表示する、又は機能分散がなされている個別機能を備えた便房であれば、主な利用対象者を明確にする名称やピクトグラム等で表示する工夫を行う。</t>
    </r>
    <r>
      <rPr>
        <b/>
        <sz val="8"/>
        <rFont val="ＭＳ ゴシック"/>
        <family val="3"/>
        <charset val="128"/>
      </rPr>
      <t>（2-124）</t>
    </r>
    <phoneticPr fontId="1"/>
  </si>
  <si>
    <r>
      <t>車椅子使用者用便房が設けられている便所の出入口に戸を設ける場合には、自動的に開閉する構造その他の車椅子使用者が容易に開閉して通過できる構造とし、かつ、その前後に高低差がないものとする。</t>
    </r>
    <r>
      <rPr>
        <b/>
        <sz val="8"/>
        <rFont val="ＭＳ ゴシック"/>
        <family val="3"/>
        <charset val="128"/>
      </rPr>
      <t>（2-119）</t>
    </r>
    <phoneticPr fontId="1"/>
  </si>
  <si>
    <r>
      <t>・弱視者（ロービジョン）、色覚多様性等の利用者に配慮し、便房の戸には、戸の開閉や使用状況を色により表示する。</t>
    </r>
    <r>
      <rPr>
        <b/>
        <sz val="8"/>
        <rFont val="ＭＳ ゴシック"/>
        <family val="3"/>
        <charset val="128"/>
      </rPr>
      <t>（2-128）</t>
    </r>
    <phoneticPr fontId="1"/>
  </si>
  <si>
    <r>
      <t>・弱視者（ロービジョン）、色覚多様性等の利用者に配慮し、便房の戸には、使用中か否かを大きくわかりやすく、文字で表示することが望ましい。
・施錠を示す色は赤と青とすることが望ましい。</t>
    </r>
    <r>
      <rPr>
        <b/>
        <sz val="8"/>
        <rFont val="ＭＳ ゴシック"/>
        <family val="3"/>
        <charset val="128"/>
      </rPr>
      <t>（2-128）</t>
    </r>
    <phoneticPr fontId="1"/>
  </si>
  <si>
    <r>
      <t>・腰掛便座の横壁面に、紙巻器、便器洗浄ボタン、呼出ボタンを設ける場合は、JIS S 0026（公共トイレにおける便房内操作部の形状、色、配置及び器具の配
置）に基づくものとする。</t>
    </r>
    <r>
      <rPr>
        <b/>
        <sz val="8"/>
        <rFont val="ＭＳ ゴシック"/>
        <family val="3"/>
        <charset val="128"/>
      </rPr>
      <t>（2-129）</t>
    </r>
    <phoneticPr fontId="1"/>
  </si>
  <si>
    <t>・紙巻器は手指に障害のある人（巧緻運動障害等）でも操作しやすいよう、片手で紙が切れる等、操作性に配慮したものが望ましい。</t>
    <phoneticPr fontId="1"/>
  </si>
  <si>
    <r>
      <t>・視覚障害者が利用しやすいよう、同一建築物内においては、洗浄装置等の使用法や、ボタン等の形状・配置を統一することが望ましい。</t>
    </r>
    <r>
      <rPr>
        <b/>
        <sz val="8"/>
        <rFont val="ＭＳ ゴシック"/>
        <family val="3"/>
        <charset val="128"/>
      </rPr>
      <t>（2-129）</t>
    </r>
    <r>
      <rPr>
        <sz val="8"/>
        <rFont val="ＭＳ ゴシック"/>
        <family val="3"/>
        <charset val="128"/>
      </rPr>
      <t xml:space="preserve">
・多様な利用者が安心して使える便所とするため、便器洗浄装置や温水洗浄便座本体等に表示する操作系ピクトグラムは、一般社団法人 日本レストルーム工業会の策定した標準ピクトグラムとすることが望ましい。</t>
    </r>
    <r>
      <rPr>
        <b/>
        <sz val="8"/>
        <rFont val="ＭＳ ゴシック"/>
        <family val="3"/>
        <charset val="128"/>
      </rPr>
      <t>（2-130）</t>
    </r>
    <phoneticPr fontId="1"/>
  </si>
  <si>
    <r>
      <t>・便所が設けられている階の車椅子使用者用便房の数は、当該階の便房の総数が200以下の場合は当該便房の総数に1/50を乗じて得た数以上とし、当該階の便房の総数が 200を超える場合は当該便房の総数に1/100を乗じて得た数に2を加えた数以上とすることが望ましい</t>
    </r>
    <r>
      <rPr>
        <b/>
        <sz val="8"/>
        <rFont val="ＭＳ ゴシック"/>
        <family val="3"/>
        <charset val="128"/>
      </rPr>
      <t>（2-131）</t>
    </r>
    <phoneticPr fontId="1"/>
  </si>
  <si>
    <t>位置</t>
    <rPh sb="0" eb="2">
      <t>イチ</t>
    </rPh>
    <phoneticPr fontId="1"/>
  </si>
  <si>
    <r>
      <t>・劇場・競技場等、客席のある施設の車椅子使用者用便房の位置は、車椅子使用者用客席・観覧席から容易に到達できるものとする。</t>
    </r>
    <r>
      <rPr>
        <b/>
        <sz val="8"/>
        <rFont val="ＭＳ ゴシック"/>
        <family val="3"/>
        <charset val="128"/>
      </rPr>
      <t>（2-131）</t>
    </r>
    <phoneticPr fontId="1"/>
  </si>
  <si>
    <r>
      <t>車椅子使用者用便房の出入口の有効幅員は、90㎝以上とすることが望ましい。</t>
    </r>
    <r>
      <rPr>
        <b/>
        <sz val="8"/>
        <rFont val="ＭＳ ゴシック"/>
        <family val="3"/>
        <charset val="128"/>
      </rPr>
      <t>（2-131）</t>
    </r>
    <phoneticPr fontId="1"/>
  </si>
  <si>
    <t>通路</t>
    <rPh sb="0" eb="2">
      <t>ツウロ</t>
    </rPh>
    <phoneticPr fontId="1"/>
  </si>
  <si>
    <r>
      <t xml:space="preserve">
・取っ手は戸の内側の左右両側に設置することが望ましい。</t>
    </r>
    <r>
      <rPr>
        <b/>
        <sz val="8"/>
        <rFont val="ＭＳ ゴシック"/>
        <family val="3"/>
        <charset val="128"/>
      </rPr>
      <t>（2-128）</t>
    </r>
    <r>
      <rPr>
        <sz val="8"/>
        <rFont val="ＭＳ ゴシック"/>
        <family val="3"/>
        <charset val="128"/>
      </rPr>
      <t xml:space="preserve">
・自閉式上吊り引き戸（ストッパー若しくは一時停止装置又は自動閉鎖時間の調整機能を持ち、閉まり際で減速するもの）とすることが望ましい。</t>
    </r>
    <r>
      <rPr>
        <b/>
        <sz val="8"/>
        <rFont val="ＭＳ ゴシック"/>
        <family val="3"/>
        <charset val="128"/>
      </rPr>
      <t>（2-135）</t>
    </r>
    <r>
      <rPr>
        <sz val="8"/>
        <rFont val="ＭＳ ゴシック"/>
        <family val="3"/>
        <charset val="128"/>
      </rPr>
      <t xml:space="preserve">
・戸の開閉方法を矢印等で表示することが望ましい。</t>
    </r>
    <r>
      <rPr>
        <b/>
        <sz val="8"/>
        <rFont val="ＭＳ ゴシック"/>
        <family val="3"/>
        <charset val="128"/>
      </rPr>
      <t>（2-128）</t>
    </r>
    <phoneticPr fontId="1"/>
  </si>
  <si>
    <t>・手荷物置き台や小物・衣類をかけるフックを設ける。
・フックは、立位者、車椅子使用者の身体に衝突する危険のない形状、位置とするとともに、1以上は車椅子に座った状態で使用できるものとする。</t>
    <phoneticPr fontId="1"/>
  </si>
  <si>
    <r>
      <t>車椅子使用者用便房が複数設置される場合は、そのうち1以上にオストメイト用設備を設けることが望ましい。</t>
    </r>
    <r>
      <rPr>
        <b/>
        <sz val="8"/>
        <rFont val="ＭＳ ゴシック"/>
        <family val="3"/>
        <charset val="128"/>
      </rPr>
      <t>（2-138）</t>
    </r>
    <phoneticPr fontId="1"/>
  </si>
  <si>
    <t>・ストーマ装具の装着や身だしなみを確認するための鏡を設ける。</t>
    <phoneticPr fontId="1"/>
  </si>
  <si>
    <t>・ストーマ装具の廃棄等に配慮し、汚物入れを設けることが望ましい。汚物入れはパウチ等を捨てることを考慮した大きさのものとする。</t>
    <phoneticPr fontId="1"/>
  </si>
  <si>
    <t>※オストメイト用設備便房の基準
・パウチや汚れたもの、しびん等を洗浄するための
汚物流し（洗浄ボタン・水栓を含む）、紙巻器を設ける。</t>
    <rPh sb="10" eb="11">
      <t>ベン</t>
    </rPh>
    <rPh sb="11" eb="12">
      <t>ボウ</t>
    </rPh>
    <rPh sb="13" eb="15">
      <t>キジュン</t>
    </rPh>
    <phoneticPr fontId="1"/>
  </si>
  <si>
    <r>
      <t>・ストーマ装具の装着のための衣類の脱着､着替え等に配慮し、汚物流しの近くに着替え台を設けることが望ましい。</t>
    </r>
    <r>
      <rPr>
        <b/>
        <sz val="8"/>
        <rFont val="ＭＳ ゴシック"/>
        <family val="3"/>
        <charset val="128"/>
      </rPr>
      <t>（2-140）</t>
    </r>
    <phoneticPr fontId="1"/>
  </si>
  <si>
    <t xml:space="preserve">※乳幼児用設備を有する便房の基準
</t>
    <rPh sb="14" eb="16">
      <t>キジュン</t>
    </rPh>
    <phoneticPr fontId="1"/>
  </si>
  <si>
    <t xml:space="preserve">
・大型の商業施設等の便所には、乳幼児用設備を集約した区画スペースを確保することが望ましい。
</t>
    <phoneticPr fontId="1"/>
  </si>
  <si>
    <t>・乳幼児用椅子は、便座に座った状態から手が届く範囲、又は便器の前方の近接した位置に設けることが望ましい。</t>
    <phoneticPr fontId="1"/>
  </si>
  <si>
    <t xml:space="preserve">・乳幼児用椅子、乳幼児用おむつ交換台等を設ける。
</t>
    <phoneticPr fontId="1"/>
  </si>
  <si>
    <t>・手荷物置き台や小物・衣類をかけるフックを設ける。</t>
    <phoneticPr fontId="1"/>
  </si>
  <si>
    <r>
      <t>・乳幼児用おむつ交換台は落下防止措置が講じられたものとする。
・乳幼児用おむつ交換台を利用する乳幼児に対し、照明の光が直接目に入らないように、器具の配置に配慮する必要がある。</t>
    </r>
    <r>
      <rPr>
        <b/>
        <sz val="8"/>
        <rFont val="ＭＳ ゴシック"/>
        <family val="3"/>
        <charset val="128"/>
      </rPr>
      <t>（2-142）</t>
    </r>
    <phoneticPr fontId="1"/>
  </si>
  <si>
    <r>
      <t>・乳幼児用おむつ交換台から目や手を離さずに利用できる位置に、荷物置き場やおむつ用のごみ箱等を設けることが望ましい。</t>
    </r>
    <r>
      <rPr>
        <b/>
        <sz val="8"/>
        <rFont val="ＭＳ ゴシック"/>
        <family val="3"/>
        <charset val="128"/>
      </rPr>
      <t>（2-142）</t>
    </r>
    <phoneticPr fontId="1"/>
  </si>
  <si>
    <t>10-0　利用居室の出入口の設計標準</t>
    <rPh sb="5" eb="7">
      <t>リヨウ</t>
    </rPh>
    <rPh sb="7" eb="9">
      <t>キョシツ</t>
    </rPh>
    <rPh sb="10" eb="13">
      <t>デイリグチ</t>
    </rPh>
    <rPh sb="14" eb="16">
      <t>セッケイ</t>
    </rPh>
    <rPh sb="16" eb="18">
      <t>ヒョウジュン</t>
    </rPh>
    <phoneticPr fontId="1"/>
  </si>
  <si>
    <t xml:space="preserve">出入口の有効幅員は、80cm以上とする。
</t>
    <phoneticPr fontId="1"/>
  </si>
  <si>
    <t>イ　戸の構造</t>
    <phoneticPr fontId="1"/>
  </si>
  <si>
    <t>戸の構造</t>
    <phoneticPr fontId="1"/>
  </si>
  <si>
    <t>出入口の構造</t>
    <phoneticPr fontId="1"/>
  </si>
  <si>
    <t xml:space="preserve">
・補助取っ手をつけることが望ましい。
・自閉式上吊り引き戸（ストッパー若しくは一時停止装置又は自動閉鎖時間の調整機能を持ち、閉まり際で減速するもの）とすることが望ましい。</t>
    <phoneticPr fontId="1"/>
  </si>
  <si>
    <t>案内表示</t>
    <phoneticPr fontId="1"/>
  </si>
  <si>
    <t>・戸の取っ手側の壁面又は出入口の戸に、利用居室の名称等を表示する。
・室名表示の設置高さは、床から140～150㎝程度とする。</t>
    <phoneticPr fontId="1"/>
  </si>
  <si>
    <t>・室名表示は、文字・図記号、図、背景の色の明度、色相又は彩度の差を確保したものとすることが望ましい。</t>
    <phoneticPr fontId="1"/>
  </si>
  <si>
    <t>・室名表示は、大きめの文字を用いる、漢字以外にひらがなを併記する、図記号等を併記する等、高齢者、障害者等にわかりやすいデザインとする。</t>
    <phoneticPr fontId="1"/>
  </si>
  <si>
    <t>・その他の用途の建築物の利用居室においても、室名表示は、文字の浮き彫りとする、又は点字を併記する等、視覚障害者の利用に配慮したものとすることが望ましい。</t>
    <phoneticPr fontId="1"/>
  </si>
  <si>
    <t>イ　幅は、80センチメートル以上とすること。</t>
    <phoneticPr fontId="1"/>
  </si>
  <si>
    <r>
      <t>・客室出入口の有効幅員は、80cm以上とする。</t>
    </r>
    <r>
      <rPr>
        <b/>
        <sz val="8"/>
        <rFont val="ＭＳ ゴシック"/>
        <family val="3"/>
        <charset val="128"/>
      </rPr>
      <t>（2-159）</t>
    </r>
    <phoneticPr fontId="1"/>
  </si>
  <si>
    <t>（開き戸）
・取っ手は、大きく操作性の良いレバーハンドル式、又はプッシュプルハンドル式等とする。
・ドアクローザーは、閉めはじめはゆっくり閉まる等、閉鎖作動時間が十分に確保され、かつ軽い力で操作できるものとする。（ディレードアクション機能）</t>
    <rPh sb="1" eb="2">
      <t>ヒラ</t>
    </rPh>
    <rPh sb="3" eb="4">
      <t>ド</t>
    </rPh>
    <phoneticPr fontId="1"/>
  </si>
  <si>
    <t xml:space="preserve">
・戸が90度以上開くようドアクローザーの収まるスペースを確保し、戸当たりの位置を工夫するとともに、取っ手が壁にあたらないよう、戸の吊元のスペースを確保することが望ましい。</t>
    <phoneticPr fontId="1"/>
  </si>
  <si>
    <t xml:space="preserve">
・高さは、マットレス上面より10㎝程度高くすることが望ましい。
・ベッド上から手の届く位置に、緊急通報ボタンを設けることが望ましい。</t>
    <phoneticPr fontId="1"/>
  </si>
  <si>
    <t>（ベッドサイドキャビネット）
・客室内のレイアウト変更が可能となるよう、ベッドサイドキャビネットを床に固定することは避ける。</t>
    <phoneticPr fontId="1"/>
  </si>
  <si>
    <t>（照明）
・ベッド上で室内の照明を点灯・消灯できるものとする。
・室内の照明は、間接照明とし、光源が利用者に直接見えないように配慮する。</t>
    <phoneticPr fontId="1"/>
  </si>
  <si>
    <t>インターホン（室内機）、戸の施錠・解錠装置（カード式含む）、スイッチ、コンセント類</t>
    <phoneticPr fontId="1"/>
  </si>
  <si>
    <t>収納等</t>
    <phoneticPr fontId="1"/>
  </si>
  <si>
    <t>カウンター、ライティングデスク等</t>
    <phoneticPr fontId="1"/>
  </si>
  <si>
    <r>
      <t>客室内の便所には、車椅子使用者が円滑に利用できる便房（以下「車椅子使用者用便房」という。）を設ける。（車椅子使用者用客室が設けられている階に、車椅子使用者用便房が設けられた共用の便所が、1以上（男子用及び女子用の区別があるときは、それぞれ1以上）設けられている場合は代替可能）</t>
    </r>
    <r>
      <rPr>
        <b/>
        <sz val="8"/>
        <rFont val="ＭＳ ゴシック"/>
        <family val="3"/>
        <charset val="128"/>
      </rPr>
      <t>（2-167）</t>
    </r>
    <rPh sb="133" eb="135">
      <t>ダイタイ</t>
    </rPh>
    <rPh sb="135" eb="137">
      <t>カノウ</t>
    </rPh>
    <phoneticPr fontId="1"/>
  </si>
  <si>
    <t>車椅子使用者用便房及び当該便房が設けられている便所の出入口の有効幅員は、80cm以上とする。</t>
    <phoneticPr fontId="1"/>
  </si>
  <si>
    <t>・車椅子使用者用便房には、車椅子使用者が円滑に利用することができるよう、十分な空間を確保する。
⇒
　車椅子使用者用便房の各設備を使用でき、車椅子使用者が360°回転できるよう、直径150㎝以上の円が内接できるスペース又は車椅子使用者が180°転回（方向転換）できるよう、140cm以上×140cm以上のスペースを設ける。全体計画や客室タイプ等により、やむを得ず、直径150㎝以上の円が内接できるスペース又は140cm以上×140cm以上のスペースを設けることができない場合には、車椅子使用者が腰掛け便座等に移乗しやすいように、幅80cm以上×奥行き120cm以上のスペースを設ける。
・床には段差を設けない｡</t>
    <phoneticPr fontId="1"/>
  </si>
  <si>
    <t>・車椅子使用者用便房及び当該便房が設けられている便所の戸は、自動的に開閉する構造その他の車椅子使用者が容易に開閉して通過できる構造とし、かつ、その前後に高低差がないものとする。</t>
    <phoneticPr fontId="1"/>
  </si>
  <si>
    <t>・車椅子使用者用便房には、腰掛便座、手すり等を適切に配置する。</t>
    <phoneticPr fontId="1"/>
  </si>
  <si>
    <t>1以上の共用の車椅子使用者用浴室等（個室浴室、貸し切り浴室を含む）は、異性による介助に配慮し、男女が共用できる位置に設けることが望ましい。</t>
    <phoneticPr fontId="1"/>
  </si>
  <si>
    <t>・浴室又はシャワー室には、車椅子使用者が円滑に利用することができるよう、十分な空間を確保する。
・浴室等の各設備を使用でき、車椅子使用者が360°回転できるよう、直径150㎝以上の円が内接できるスペース又は車椅子使用者が180°転回（方向転換）できるよう、140cm以上×140cm以上のスペースを設ける。全体計画や客室タイプ等により、やむを得ず、直径150㎝以上の円が内接できるスペース又は140cm以上×140cm以上のスペースを設けることができない場合には、車椅子使用者が浴槽や入浴用椅子等に移乗しやすいように、幅80cm以上×奥行き120cm以上のスペースを設ける。</t>
    <phoneticPr fontId="1"/>
  </si>
  <si>
    <r>
      <t>客室内には、車椅子使用者が円滑に利用できる浴室又はシャワー室（以下「車椅子使用者用浴室等」という。）を設ける。（車椅子使用者用客室が設けられている施設内に、共用の車椅子使用者用浴室等が1以上
（男子用及び女子用の区別があるときは、それぞれ1以上）設けられている場合は代替可能）</t>
    </r>
    <r>
      <rPr>
        <b/>
        <sz val="8"/>
        <rFont val="ＭＳ ゴシック"/>
        <family val="3"/>
        <charset val="128"/>
      </rPr>
      <t>(2-169)</t>
    </r>
    <rPh sb="133" eb="137">
      <t>ダイタイカノウ</t>
    </rPh>
    <phoneticPr fontId="1"/>
  </si>
  <si>
    <t>・車椅子使用者用浴室等には浴槽、シャワー、手すり等を適切に配置する。</t>
    <phoneticPr fontId="1"/>
  </si>
  <si>
    <t>（浴槽）
・浴槽深さは50cm程度、エプロン高さは45㎝程度（車椅子の座面の高さ程度）とする。
・車椅子から移乗しやすいよう、浴槽の脇に移乗台を設ける。移乗台の高さは、浴槽のエプロン高さと同程度とする。移乗台は取り外し可能なものでもよい。
・浴槽は濡れても滑りにくく、体を傷つけにくい材料で仕上げる。</t>
    <phoneticPr fontId="1"/>
  </si>
  <si>
    <t xml:space="preserve">・入浴用椅子、シャワー用車椅子、壁掛け式折りたたみ椅子のいずれかを備える。
</t>
    <phoneticPr fontId="1"/>
  </si>
  <si>
    <t>・入浴用椅子等に座った状態で手が届くよう、シャワーヘッドは垂直に取り付けられたバーに沿ってスライドし、高さを調整できるものとすることが望ましい。
・上下２箇所にシャワーヘッド掛けを設ける場合には、低い位置のシャワーヘッドかけは、入浴用椅子等に座った状態で手が届く高さに設ける。</t>
    <phoneticPr fontId="1"/>
  </si>
  <si>
    <t>・必要に応じて手すりを設けること。
・床仕上げ面から手すりの上端までの高さは、原則として、２段の場合は、上段75～85センチメートル程度、下段60～65センチメートル程度とし、１段の場合は、75～85センチメートル程度とすること。
・手すりの端部は、壁面側又は下方に巻き込むなど端部が突出しない構造とすること。</t>
    <phoneticPr fontId="1"/>
  </si>
  <si>
    <r>
      <t>・出入口の有効幅員は、80cm以上とする。
・浴室等の戸は、自動的に開閉する構造その他の車椅子使用者が容易に開閉して通過できる構造とし、かつ、その前後に高低差がないものとする。</t>
    </r>
    <r>
      <rPr>
        <b/>
        <sz val="8"/>
        <rFont val="ＭＳ ゴシック"/>
        <family val="3"/>
        <charset val="128"/>
      </rPr>
      <t>(2-170)</t>
    </r>
    <r>
      <rPr>
        <sz val="8"/>
        <rFont val="ＭＳ ゴシック"/>
        <family val="3"/>
        <charset val="128"/>
      </rPr>
      <t xml:space="preserve">
</t>
    </r>
    <phoneticPr fontId="1"/>
  </si>
  <si>
    <t>一般客室の浴室等と同様の快適性を確保できるよう、内装仕上げ材・部品・設備機器の選定・工夫、色彩・照明計画等に配慮することが望ましい。</t>
    <phoneticPr fontId="1"/>
  </si>
  <si>
    <t>バルコニー（避難用バルコニーを含む）、テラス等</t>
    <phoneticPr fontId="1"/>
  </si>
  <si>
    <t>洗面器等（便所、洗面脱衣室、客室内に設ける場合を含む。）</t>
    <phoneticPr fontId="1"/>
  </si>
  <si>
    <t>・洗面器下部に車椅子使用者の膝が入るよう、洗面器下部のスペースは高さ65㎝程度とする。</t>
    <phoneticPr fontId="1"/>
  </si>
  <si>
    <t>・洗面器は壁掛け式かつ壁排水方式等とする等により、洗面器下部の足元スペースをできるだけ確保することが望ましい</t>
    <phoneticPr fontId="1"/>
  </si>
  <si>
    <t>（手すり）
・浴槽を設ける場合には、浴槽出入り、浴槽内での立ち座り・姿勢保持等のための手すりを設ける。
・洗い場やシャワー室を設ける場合には、入浴用椅子等に座った状態で手が届く位置に、立ち座り・姿勢保持等のための手すりを設ける。</t>
    <phoneticPr fontId="1"/>
  </si>
  <si>
    <t xml:space="preserve">
安全性の観点から手すりとしても兼用可等の表示を行うことが望ましい。</t>
    <phoneticPr fontId="1"/>
  </si>
  <si>
    <t>10-2　一般客室</t>
    <rPh sb="5" eb="7">
      <t>イッパン</t>
    </rPh>
    <rPh sb="7" eb="8">
      <t>キャク</t>
    </rPh>
    <rPh sb="8" eb="9">
      <t>シツ</t>
    </rPh>
    <phoneticPr fontId="1"/>
  </si>
  <si>
    <t>高齢者、障害者等の利用に配慮した一般客室の整備の促進</t>
    <rPh sb="0" eb="3">
      <t>コウレイシャ</t>
    </rPh>
    <rPh sb="4" eb="7">
      <t>ショウガイシャ</t>
    </rPh>
    <rPh sb="7" eb="8">
      <t>トウ</t>
    </rPh>
    <rPh sb="9" eb="11">
      <t>リヨウ</t>
    </rPh>
    <rPh sb="12" eb="14">
      <t>ハイリョ</t>
    </rPh>
    <rPh sb="16" eb="18">
      <t>イッパン</t>
    </rPh>
    <rPh sb="18" eb="19">
      <t>キャク</t>
    </rPh>
    <rPh sb="19" eb="20">
      <t>シツ</t>
    </rPh>
    <rPh sb="21" eb="23">
      <t>セイビ</t>
    </rPh>
    <rPh sb="24" eb="26">
      <t>ソクシン</t>
    </rPh>
    <phoneticPr fontId="1"/>
  </si>
  <si>
    <t>建築主・施設管理者、設計者等は、高齢者、肢体不自由者（車椅子使用者、杖使用者、上下肢障害者等）、妊産婦やけが人等の一時的に制限を受ける人々等、より多くの利用者にとって使いやすい一般客室の整備を考える必要がある。一人でも多くの高齢者、障害者等が、一般客室を利用できる環境を整えるため、高齢者、障害者等の利用に配慮した、できるだけ多くの一般客室の整備に取り組むことが望ましい。</t>
    <phoneticPr fontId="1"/>
  </si>
  <si>
    <t>客室出入口の有効幅員、空間の確保等</t>
    <phoneticPr fontId="1"/>
  </si>
  <si>
    <t>・壁面からの突出物を極力避けるとともに、やむを得ず突出した部分や衝突する可能性のある壁・柱・家具の角等がある場合には面取りをする、保護材を設ける等、危険防止に配慮することが望ましい。</t>
    <phoneticPr fontId="1"/>
  </si>
  <si>
    <t>・客室出入口の有効幅員は、80cm以上とする。
・客室内における便所・浴室等の出入口付近の通路は、車椅子使用者の利用に支障のない、必要な有効幅員を確保する。なお、便所・浴室等の出入口（有効幅員75㎝以上）に至る車椅子使用者の経路が直角路となる場合には、便所・浴室等の出入口付近における通路の有効幅員は、100cm以上とする。
・客室内には、車椅子使用者が360°回転できるよう、直径150㎝以上の円が内接できるスペース又は車椅子使用者が180°転回（方向転換）できるよう、140cm以上×140cm以上のスペースを、1以上設けることが望ましい。家具等の下部に車椅子のフットレストが通過できるスペースが確保されていれば、その部分も有効スペースとする。ベッドの移動等、客室のレイアウトの変更による対応でもよい。
・車椅子使用者がベッドに移乗できるよう、ベッド側面のスペースの有効幅員は、80cm以上とする。（ベッド、テーブルや椅子等の移動によって確保されるスペースも、有効幅員とするが、この場合は施設管理者側の移動作業が増大することに留意する必要があ
る。）
・客室の床には、原則として段差を設けない。やむを得ず段差を設ける場合には、高齢者、障害者等が乗り越えやすい形状とするか、傾斜路（据え置き型スロープの設置を含む）等により段差を解消する。</t>
    <phoneticPr fontId="1"/>
  </si>
  <si>
    <t>客室出入口の戸の形式</t>
    <phoneticPr fontId="1"/>
  </si>
  <si>
    <t>コンセント、スイッチ類</t>
    <rPh sb="10" eb="11">
      <t>ルイ</t>
    </rPh>
    <phoneticPr fontId="1"/>
  </si>
  <si>
    <t>便所、便房</t>
    <rPh sb="0" eb="2">
      <t>ベンジョ</t>
    </rPh>
    <rPh sb="3" eb="4">
      <t>ベン</t>
    </rPh>
    <rPh sb="4" eb="5">
      <t>ボウ</t>
    </rPh>
    <phoneticPr fontId="1"/>
  </si>
  <si>
    <t>・出入口の有効幅員は、改修等で対応が困難な場合を除き、原則として75cm以上とする。
・便所、便房の出入口の戸は、その前後に高低差がないものとする。</t>
    <phoneticPr fontId="1"/>
  </si>
  <si>
    <t>浴室又はシャワー室</t>
    <phoneticPr fontId="1"/>
  </si>
  <si>
    <t>ア．浴室等の出入口の有効幅員</t>
    <phoneticPr fontId="1"/>
  </si>
  <si>
    <t>イ．浴室等の出入口の戸の形式</t>
    <phoneticPr fontId="1"/>
  </si>
  <si>
    <t>ウ．部品・設備等</t>
    <phoneticPr fontId="1"/>
  </si>
  <si>
    <t>・出入口の有効幅員は、改修等で対応が困難な場合を除き、原則として75cm以上とする。</t>
    <phoneticPr fontId="1"/>
  </si>
  <si>
    <t>・車椅子使用者が浴槽や入浴用椅子等に移乗しやすいように、洗い場やシャワー室には幅80㎝以上×奥行き120㎝以上のスペースを設けることが望ましい</t>
    <phoneticPr fontId="1"/>
  </si>
  <si>
    <t>・戸は、その前後に高低差（浴室内側の防水上必要な高低差（立ち上がり高さ）を除く。）がないものとする。</t>
    <phoneticPr fontId="1"/>
  </si>
  <si>
    <t>・浴室等には、浴槽、シャワー、手すり等を適切に配置する。</t>
    <phoneticPr fontId="1"/>
  </si>
  <si>
    <t>（浴槽）
浴槽は濡れても滑りにくく、体を傷つけにくい材料で仕上げる。</t>
    <phoneticPr fontId="1"/>
  </si>
  <si>
    <t xml:space="preserve">
・入浴用椅子等に座った状態で手が届くよう、シャワーヘッドは垂直に取り付けられたバーに沿ってスライドし、高さを調整できるものとすることが望ましい。
・上下２箇所にシャワーヘッド掛けを設ける場合には、低い位置のシャワーヘッドかけは、入浴用椅子等に座った状態で手が届く高さに設ける。</t>
    <phoneticPr fontId="1"/>
  </si>
  <si>
    <t>（シャワー）
・原則としてハンドシャワーとする。</t>
    <phoneticPr fontId="1"/>
  </si>
  <si>
    <t>（浴槽及びシャワーの水栓金具）
・サーモスタット（自動温度調節器）付き混合水栓等、湯水の混合操作が容易なものとする。
・サーモスタット（自動温度調節器）には、適温の箇所に認知しやすい印等を付ける。</t>
    <phoneticPr fontId="1"/>
  </si>
  <si>
    <t>（洗面器等（脱衣場に設ける場合を含む。））
・水栓金具はシングルレバー方式等、湯水の混合操作が容易なものとする。</t>
    <phoneticPr fontId="1"/>
  </si>
  <si>
    <t>エ．仕上げ等</t>
    <phoneticPr fontId="1"/>
  </si>
  <si>
    <t>案内表示、情報伝達設備等</t>
    <phoneticPr fontId="1"/>
  </si>
  <si>
    <t>ア．室名表示等</t>
    <phoneticPr fontId="1"/>
  </si>
  <si>
    <t>・室名表示及び客室出入口の戸等に設ける避難情報及び避難経路の表示は、文字・図記号、図、背景の色の明度、色相又は彩度の差を確保したものとすることが望ましい。</t>
    <phoneticPr fontId="1"/>
  </si>
  <si>
    <t>・戸の取っ手側の壁面又は出入口の戸に、室名（部屋番号等）を表示する。
・室名表示は文字の浮き彫りとするか点字を併記する等、視覚障害者等の利用に配慮する。
・室名表示及び客室出入口の戸等に設ける避難情報及び避難経路の表示は、大きめの文字を用い、漢字はひらがなを併記する、図記号等を併記する等、高齢者、障害者等にわかりやすい表現とする。</t>
    <phoneticPr fontId="1"/>
  </si>
  <si>
    <t>イ.客室の鍵</t>
    <phoneticPr fontId="1"/>
  </si>
  <si>
    <t>・視覚障害者等に配慮し、客室の鍵は、わかりやすく操作しやすいものとする。</t>
    <phoneticPr fontId="1"/>
  </si>
  <si>
    <t>ウ.字幕表示が可能なテレビのリモコン</t>
    <phoneticPr fontId="1"/>
  </si>
  <si>
    <t>エ.シャンプー等の容器</t>
    <phoneticPr fontId="1"/>
  </si>
  <si>
    <t>オ.非常警報装置（ハード面）</t>
    <phoneticPr fontId="1"/>
  </si>
  <si>
    <r>
      <t>・多数の車椅子使用者の観覧に配慮し、固定位置の車椅子使用者用客席・観覧席のほかに、可動席スペース（固定位置の車椅子使用者用客席・観覧席を含めた客席・観覧席に隣接している、取り外し可能な客席・観覧席）を設けることが望ましい。</t>
    </r>
    <r>
      <rPr>
        <b/>
        <sz val="8"/>
        <rFont val="ＭＳ ゴシック"/>
        <family val="3"/>
        <charset val="128"/>
      </rPr>
      <t>（2-204）</t>
    </r>
    <phoneticPr fontId="1"/>
  </si>
  <si>
    <r>
      <t>・前後の客席・観覧席の位置、高低差を考慮し、舞台やスクリーン、競技スペース等へのサイトラインを確保する。
・サイトラインは、舞台やスクリーン、競技スペースの形状や位置により異なるので十分に配慮する</t>
    </r>
    <r>
      <rPr>
        <b/>
        <sz val="8"/>
        <rFont val="ＭＳ ゴシック"/>
        <family val="3"/>
        <charset val="128"/>
      </rPr>
      <t>（2-204）</t>
    </r>
    <r>
      <rPr>
        <sz val="8"/>
        <rFont val="ＭＳ ゴシック"/>
        <family val="3"/>
        <charset val="128"/>
      </rPr>
      <t xml:space="preserve">
・車椅子使用者用客席・観覧席の前面に設ける手すりの高さは、サイトラインに十分配慮する。
・建築物の構造等により、車椅子使用者用客席・観覧席からのサイトラインが確保しにくい場合には、車椅子使用者用客席・観覧席と前席との位置をずらし、前席の人の肩越しにサイトラインを確保できるよう配慮する。
留意点：
・サイトラインは、映画のように観客が着座して鑑賞する場合と、サッカーやコンサートのように観客が立ち上がることが予想される場合で異なるので、十分な検討が必要である。
・サイトライン検討をする際の前席の人の高さの設定にあたっては、日本人男子の平均身長値の最高値を基本とし、さらに履物の高さを加算して算出することが望ましい。
・サイトライン検討をする際の車椅子使用者の眼高の設定にあたっては、女性の車椅子使用者の眼高を基本とすることが望ましい。
・上記の検討にあたっては、車椅子使用者の様々な人体寸法にも配慮し、眼高がとりわけ低い車椅子使用者のサイトラインも想定した客席・観覧席を配置することが望ましい。</t>
    </r>
    <r>
      <rPr>
        <b/>
        <sz val="8"/>
        <rFont val="ＭＳ ゴシック"/>
        <family val="3"/>
        <charset val="128"/>
      </rPr>
      <t>（2-205）</t>
    </r>
    <phoneticPr fontId="1"/>
  </si>
  <si>
    <t>一般客席・観覧席等</t>
    <phoneticPr fontId="1"/>
  </si>
  <si>
    <t>・楽屋においても障害者等の利用に配慮し、楽屋と舞台の円滑な経路を確保すること。</t>
    <phoneticPr fontId="1"/>
  </si>
  <si>
    <r>
      <t>・通用口や劇場内の通路等から楽屋・控室、舞台等に至る経路は、高齢者、障害者等の円滑な移動等に配慮したものとする。
・楽屋・控室（便所、更衣室・シャワー室を含む。）は、高齢者、障害者等（車椅子使用者を含む。）の円滑な移動等に配慮したものとする。</t>
    </r>
    <r>
      <rPr>
        <b/>
        <sz val="8"/>
        <rFont val="ＭＳ ゴシック"/>
        <family val="3"/>
        <charset val="128"/>
      </rPr>
      <t>（2-210）</t>
    </r>
    <phoneticPr fontId="1"/>
  </si>
  <si>
    <r>
      <t>・客席・観覧席の通路から舞台への通路には段を設けない。段を設ける場合には、段差解消機や階段手すりを設置し、高齢者、障害者等が支障なく舞台に上がれるように配慮する。</t>
    </r>
    <r>
      <rPr>
        <b/>
        <sz val="8"/>
        <rFont val="ＭＳ ゴシック"/>
        <family val="3"/>
        <charset val="128"/>
      </rPr>
      <t>（2-209）</t>
    </r>
    <phoneticPr fontId="1"/>
  </si>
  <si>
    <t>・音声放送の文字化（字幕等）を行うこと。</t>
    <phoneticPr fontId="1"/>
  </si>
  <si>
    <t xml:space="preserve">（劇場、競技場等の客席・観覧席）
・聴覚障害者等の観劇・観覧等に配慮し、舞台等には、字幕・パソコン要約筆記等の文字情報等や手話通訳者の映像を表示するための、スクリーン・電光表示
板・ディスプレイ等の配置やプロジェクター等の機器設置スペースを確保することが望ましい。
・スクリーン・電光表示板・ディスプレイ等の位置は、客席・観覧席から容易に見ることができる位置とすることが望ましい。
</t>
    <phoneticPr fontId="1"/>
  </si>
  <si>
    <t>音声による情報提供</t>
    <rPh sb="0" eb="2">
      <t>オンセイ</t>
    </rPh>
    <rPh sb="5" eb="7">
      <t>ジョウホウ</t>
    </rPh>
    <rPh sb="7" eb="9">
      <t>テイキョウ</t>
    </rPh>
    <phoneticPr fontId="1"/>
  </si>
  <si>
    <t>案内表示</t>
    <rPh sb="0" eb="2">
      <t>アンナイ</t>
    </rPh>
    <rPh sb="2" eb="4">
      <t>ヒョウジ</t>
    </rPh>
    <phoneticPr fontId="1"/>
  </si>
  <si>
    <t>整　備　基　準（条例規則）</t>
    <rPh sb="8" eb="10">
      <t>ジョウレイ</t>
    </rPh>
    <rPh sb="10" eb="12">
      <t>キソク</t>
    </rPh>
    <phoneticPr fontId="1"/>
  </si>
  <si>
    <t>11-2　店舗内部</t>
    <rPh sb="5" eb="7">
      <t>テンポ</t>
    </rPh>
    <rPh sb="7" eb="8">
      <t>ナイ</t>
    </rPh>
    <rPh sb="8" eb="9">
      <t>ブ</t>
    </rPh>
    <phoneticPr fontId="1"/>
  </si>
  <si>
    <t>店舗内部に共通する設計標準</t>
    <phoneticPr fontId="1"/>
  </si>
  <si>
    <t>・高齢者、障害者等の社会参加や外出等の機会をさらに促進するため、高齢者、障害者等が円滑に利用できる環境の整備が求められており、特に日常生活において利用される用途の建築物（物販店舗・飲食店舗・サービス店舗・診療所等）は、建築物の規模にかかわらず、高齢者、障害者等が円滑に利用できるものであることが求められている。
・建築物の所有者・施設管理者及び店舗等の事業者には、これらのニーズに対応するよう店舗の内部空間を整備することが求められる。</t>
    <phoneticPr fontId="1"/>
  </si>
  <si>
    <t xml:space="preserve">・出入口の有効幅員は、80cm以上とする。
</t>
    <phoneticPr fontId="1"/>
  </si>
  <si>
    <t>・2以上の出入口を併設する場合には、そのうち1以上の出入口の有効幅員は、90cm以上とすることが望ましい。
・店舗にバルコニー（避難用バルコニーを含む）、テラス等を設ける場合、バルコニー、テラス等への主要な出入口の有効幅員は、80cm以上とすることが望ましい。</t>
    <phoneticPr fontId="1"/>
  </si>
  <si>
    <t>・会計・相談カウンターの前やショーケースの前等、従業員と利用者が正対する通路の幅は、140cm以上とする。面積や構造による制約があり、やむを得ない場合は120cm以上とする。</t>
    <phoneticPr fontId="1"/>
  </si>
  <si>
    <t>・主要な経路上の通路には、段差を設けない。（傾斜路又はエレベーターその他の昇降機を併設する場合を除く。）
・主要な経路上の通路に傾斜路を設ける場合、傾斜路の幅は90cm以上とし、傾斜路の勾配は、1/12を超えないものとする。高さが16cm以下のものにあっては、1/8を超えないものとすることができる。
・傾斜路の勾配が1/12を超え、又は高さが16cmを超える傾斜がある部分には、手すりを設ける。</t>
    <phoneticPr fontId="1"/>
  </si>
  <si>
    <t>イ．飲食店舗・サービス店舗の通路</t>
    <phoneticPr fontId="1"/>
  </si>
  <si>
    <t>（１）有効幅員、空間の確保等</t>
    <phoneticPr fontId="1"/>
  </si>
  <si>
    <t>①店舗の出入口等</t>
    <phoneticPr fontId="1"/>
  </si>
  <si>
    <t>②通路の有効幅員、空間の確保</t>
    <phoneticPr fontId="1"/>
  </si>
  <si>
    <t>③待合</t>
    <phoneticPr fontId="1"/>
  </si>
  <si>
    <t>(2)部品・設備等</t>
    <phoneticPr fontId="1"/>
  </si>
  <si>
    <t>①会計（レジ）、サービスカウンター</t>
    <phoneticPr fontId="1"/>
  </si>
  <si>
    <t>②乳幼児用設備</t>
    <phoneticPr fontId="1"/>
  </si>
  <si>
    <t>③照明</t>
    <rPh sb="1" eb="3">
      <t>ショウメイ</t>
    </rPh>
    <phoneticPr fontId="1"/>
  </si>
  <si>
    <t>(3)仕上げ等</t>
    <phoneticPr fontId="1"/>
  </si>
  <si>
    <t>物販店舗の設計標準</t>
    <phoneticPr fontId="1"/>
  </si>
  <si>
    <t>①試着室</t>
    <phoneticPr fontId="1"/>
  </si>
  <si>
    <t>①商品棚等</t>
    <phoneticPr fontId="1"/>
  </si>
  <si>
    <t>②休憩用設備</t>
    <phoneticPr fontId="1"/>
  </si>
  <si>
    <t>③サッカー台</t>
    <rPh sb="5" eb="6">
      <t>ダイ</t>
    </rPh>
    <phoneticPr fontId="1"/>
  </si>
  <si>
    <t>飲食店舗の設計標準</t>
    <rPh sb="0" eb="2">
      <t>インショク</t>
    </rPh>
    <phoneticPr fontId="1"/>
  </si>
  <si>
    <t>①車椅子使用者等が利用できる席</t>
    <phoneticPr fontId="1"/>
  </si>
  <si>
    <t>・可動式の椅子席を設けるとともに、テーブルも可動式とすることで、レイアウト変更や車椅子使用者の通路幅員の確保等ができるようにすることが望ましい。
・可動式の椅子席等は、車椅子使用者と同伴者、又は2人以上の車椅子使用者が同時に利用できるものとすることが望ましい。
・可動式の椅子席等は、車椅子使用者だけに特別に対応するものではなく、他の利用者も共通して利用できるものとして設けることが望ましい。
・知的障害者、発達障害者、精神障害者等が落ち着いて食事を行うことや、子ども連れの方が安心して食事を行うこと等、多様なニーズへの対応として個室（簡易な仕切りや間仕切等を含む）を用意することが望ましい。</t>
    <phoneticPr fontId="1"/>
  </si>
  <si>
    <t>①テーブル・カウンター、可動式の椅子</t>
    <phoneticPr fontId="1"/>
  </si>
  <si>
    <t>②配膳カウンター、ドリンクカウンター</t>
    <phoneticPr fontId="1"/>
  </si>
  <si>
    <t>③冷蔵庫、棚</t>
    <phoneticPr fontId="1"/>
  </si>
  <si>
    <t>(3）仕上げ等</t>
    <phoneticPr fontId="1"/>
  </si>
  <si>
    <t>サービス店舗の設計標準</t>
    <rPh sb="4" eb="6">
      <t>テンポ</t>
    </rPh>
    <rPh sb="7" eb="9">
      <t>セッケイ</t>
    </rPh>
    <rPh sb="9" eb="11">
      <t>ヒョウジュン</t>
    </rPh>
    <phoneticPr fontId="1"/>
  </si>
  <si>
    <t>(3) 一斉放送設備</t>
    <phoneticPr fontId="1"/>
  </si>
  <si>
    <t>避難経路の空間の確保等</t>
    <phoneticPr fontId="1"/>
  </si>
  <si>
    <t>部品、設備等</t>
    <phoneticPr fontId="1"/>
  </si>
  <si>
    <r>
      <t>（非常放送設備）
・非常放送設備を設置する建築物については、 視覚障害者・聴覚障害者に配慮した光、文字、音・音声等による非常放送設備を併設することが望ましい。</t>
    </r>
    <r>
      <rPr>
        <b/>
        <sz val="8"/>
        <rFont val="ＭＳ ゴシック"/>
        <family val="3"/>
        <charset val="128"/>
      </rPr>
      <t>(2-237)</t>
    </r>
    <phoneticPr fontId="1"/>
  </si>
  <si>
    <r>
      <t>手すりの上端の高さ（通路、階段）は次の通りとする。
・1本の場合 Ｈ＝75～85㎝程度
・2本の場合 Ｈ＝75～85㎝程度。Ｈ＝60～65㎝程度</t>
    </r>
    <r>
      <rPr>
        <b/>
        <sz val="8"/>
        <rFont val="ＭＳ ゴシック"/>
        <family val="3"/>
        <charset val="128"/>
      </rPr>
      <t>(2-238)</t>
    </r>
    <rPh sb="17" eb="18">
      <t>ツギ</t>
    </rPh>
    <phoneticPr fontId="1"/>
  </si>
  <si>
    <t>・壁面に設置する場合は、壁と手すりのあきを４～５センチメートル程度とすること。</t>
    <phoneticPr fontId="1"/>
  </si>
  <si>
    <t xml:space="preserve">・断面の形状は、円形等の握りやすいものとし、外径3～4㎝（小児用の場合3㎝）程度とする。
</t>
    <phoneticPr fontId="1"/>
  </si>
  <si>
    <t>・衝突時の危険性を少なくし、服の袖の引掛りを避けるため、手すりの端部は、壁側に曲げることが望ましい。</t>
    <phoneticPr fontId="1"/>
  </si>
  <si>
    <t>・断面の形状は、円形等の握りやすいものとし、外径3～4㎝（小児用の場合3㎝）程度とする。</t>
    <phoneticPr fontId="1"/>
  </si>
  <si>
    <r>
      <t>・点字表示は、はがれにくいものとする。</t>
    </r>
    <r>
      <rPr>
        <b/>
        <sz val="8"/>
        <rFont val="ＭＳ ゴシック"/>
        <family val="3"/>
        <charset val="128"/>
      </rPr>
      <t>（2-240）</t>
    </r>
    <phoneticPr fontId="1"/>
  </si>
  <si>
    <t xml:space="preserve">・「点字その他の案内設備」とは、点字のほか、音声案内等をいう。
・手すりの点字その他の案内設備においては、現在位置や行き先、上下階の情報を確認でき、目的地への移動の支援となるような内容とすること。
</t>
    <phoneticPr fontId="1"/>
  </si>
  <si>
    <t>・点字は、はがれにくいものとすること。</t>
    <phoneticPr fontId="1"/>
  </si>
  <si>
    <r>
      <t>・聴覚障害者や高齢者等の利用に配慮して、官公署、銀行、病院、薬局等で呼び出しを行うカウンターには、音声による呼び出しとあわせて、電光表示板等を設ける</t>
    </r>
    <r>
      <rPr>
        <b/>
        <sz val="8"/>
        <rFont val="ＭＳ ゴシック"/>
        <family val="3"/>
        <charset val="128"/>
      </rPr>
      <t>（2-247）</t>
    </r>
    <phoneticPr fontId="1"/>
  </si>
  <si>
    <t>14-2　造作・機器</t>
    <rPh sb="5" eb="7">
      <t>ゾウサ</t>
    </rPh>
    <rPh sb="8" eb="10">
      <t>キキ</t>
    </rPh>
    <phoneticPr fontId="1"/>
  </si>
  <si>
    <t>水飲み器・自動販売機、発券機（番号札、食券等）、ATM</t>
    <phoneticPr fontId="1"/>
  </si>
  <si>
    <t>・金銭投入口は、硬貨を複数枚同時に入れることができるものとすることが望ましい。
・金銭投入口・カード投入口等は、周囲と色の明度、色相又は彩度の差のある縁取りなどにより識別しやすいものとすることが望ましい。</t>
    <phoneticPr fontId="1"/>
  </si>
  <si>
    <t>(発券機)
・番号札、食券等の発券機は、操作ボタン及び取り出し口等が、それぞれ床から高さ60～100cm程度の範囲に納まるものを選ぶことが望ましい。
・卓上に設置する発券機の設置台の下部には、車椅子使用者の膝が入るスペースを確保することが望ましい。</t>
    <phoneticPr fontId="1"/>
  </si>
  <si>
    <t>空間の確保</t>
    <phoneticPr fontId="1"/>
  </si>
  <si>
    <t>水飲み器</t>
    <phoneticPr fontId="1"/>
  </si>
  <si>
    <t>自動販売機、発券機、ＡＴＭ</t>
    <phoneticPr fontId="1"/>
  </si>
  <si>
    <t>コンセント・スイッチ類</t>
    <phoneticPr fontId="1"/>
  </si>
  <si>
    <t>設置位置</t>
    <phoneticPr fontId="1"/>
  </si>
  <si>
    <t>操作性</t>
  </si>
  <si>
    <t>乳幼児用設備</t>
    <phoneticPr fontId="1"/>
  </si>
  <si>
    <t>設置位置、空間の確保等</t>
    <phoneticPr fontId="1"/>
  </si>
  <si>
    <t>・乳幼児連れ利用者が利用する施設では、母乳及び哺乳びんによる授乳に対応した、授乳のためのスペースを設ける。
・授乳のためのスペースは、区切られた空間とする。
・授乳のためのスペースの構成・設備配置等は、男性の哺乳びんによる授乳時にも利用できるよう、配慮されたものとする。</t>
    <phoneticPr fontId="1"/>
  </si>
  <si>
    <t>戸の形式</t>
    <phoneticPr fontId="1"/>
  </si>
  <si>
    <t>整　備　基　準</t>
    <phoneticPr fontId="1"/>
  </si>
  <si>
    <t>授乳及びおむつ替えのための設備</t>
    <phoneticPr fontId="1"/>
  </si>
  <si>
    <t>部品・設備等</t>
    <phoneticPr fontId="1"/>
  </si>
  <si>
    <t>・案内板は、建築物の出入口、案内所（受付カウンター）付近やエレベーターホール等の動線の要所に設ける。</t>
    <phoneticPr fontId="1"/>
  </si>
  <si>
    <r>
      <t>・エレベーターその他の昇降機、便所又は駐車施設の付近には、それぞれ、当該エレベーターその他の昇降機、便所又は駐車施設があることを表示する表示板（標識）を設ける。
・表示板には、エレベーターその他の昇降機、便所又は駐車施設等の各空間の用途、順路等を表示する。</t>
    </r>
    <r>
      <rPr>
        <b/>
        <sz val="8"/>
        <rFont val="ＭＳ ゴシック"/>
        <family val="3"/>
        <charset val="128"/>
      </rPr>
      <t xml:space="preserve">(2-256)
</t>
    </r>
    <r>
      <rPr>
        <sz val="8"/>
        <rFont val="ＭＳ ゴシック"/>
        <family val="3"/>
        <charset val="128"/>
      </rPr>
      <t/>
    </r>
    <phoneticPr fontId="1"/>
  </si>
  <si>
    <r>
      <t>・掲出高さは、視点からの見上げ角度が小さく、かつ目線の低い車椅子使用者にも見やすい高さ、弱視者（ロービジョン）が接近して読むことができる位置・見やすい高さとすることが望ましい。</t>
    </r>
    <r>
      <rPr>
        <b/>
        <sz val="8"/>
        <rFont val="ＭＳ ゴシック"/>
        <family val="3"/>
        <charset val="128"/>
      </rPr>
      <t>（2-258）</t>
    </r>
    <phoneticPr fontId="1"/>
  </si>
  <si>
    <t>・掲出高さは、視点からの見上げ角度が小さく、かつ目線の低い車椅子使用者にも見やすい高さ、弱視者（ロービジョン）が接近して読むことができる位置・見やすい高さとすることが望ましい。</t>
    <phoneticPr fontId="1"/>
  </si>
  <si>
    <r>
      <t>・表示板は、ピクトグラム等の表示すべき内容が容易に識別できるもの（当該内容がJISZ 8210 案内用図記号に定められているときは、これに適合するもの）とする。</t>
    </r>
    <r>
      <rPr>
        <b/>
        <sz val="8"/>
        <rFont val="ＭＳ ゴシック"/>
        <family val="3"/>
        <charset val="128"/>
      </rPr>
      <t>（2-259）</t>
    </r>
    <phoneticPr fontId="1"/>
  </si>
  <si>
    <t>・病院や高齢者が入所する福祉施設、幼児が利用する保育所等の施設においては、視覚障害者誘導用ブロックの敷設が利用者の利用に支障をきたさないようにすること。もっぱら高齢者等が利用する入所型高齢者施設における誘導措置については、誘導用ブロックを整備する代わりに手すり・音声による案内設備等を設置することも考えられる。</t>
    <phoneticPr fontId="1"/>
  </si>
  <si>
    <r>
      <t>・視覚障害者誘導用ブロック等は、車椅子使用者をはじめ、高齢者、杖使用者、肢体不自由者にとっては通行の支障になる場合もある。このため、視覚障害者誘導用ブロック等の敷設位置については、利用者の動線計画や案内表示板の位置等を考慮して、車椅子使用者等の動線と出来る限り干渉しない計画とし、視覚障害者の通行に支障とならない、車椅子使用者等の円滑な移動等が確保されることが望ましい。</t>
    </r>
    <r>
      <rPr>
        <b/>
        <sz val="8"/>
        <rFont val="ＭＳ ゴシック"/>
        <family val="3"/>
        <charset val="128"/>
      </rPr>
      <t>（2-269）</t>
    </r>
    <phoneticPr fontId="1"/>
  </si>
  <si>
    <r>
      <t>・特別養護老人ホーム等、専ら高齢者が利用する入所型高齢者施設の廊下等では、視覚障害者誘導用ブロック等を敷設する代わりに、手すり・音声案内装置等を設けることも検討する</t>
    </r>
    <r>
      <rPr>
        <b/>
        <sz val="8"/>
        <rFont val="ＭＳ ゴシック"/>
        <family val="3"/>
        <charset val="128"/>
      </rPr>
      <t>（2-273）</t>
    </r>
    <phoneticPr fontId="1"/>
  </si>
  <si>
    <t>光や振動による情報伝達設備</t>
    <phoneticPr fontId="1"/>
  </si>
  <si>
    <r>
      <t>（劇場、競技場等の客席・観覧席）
難聴者等の観劇・観覧等に配慮し、客席・観覧席には聴覚障害者用集団補聴装置（磁気ループシステム、ＦＭ補聴装置（無線式）、赤外線補聴システム）等を設ける。</t>
    </r>
    <r>
      <rPr>
        <b/>
        <sz val="8"/>
        <rFont val="ＭＳ ゴシック"/>
        <family val="3"/>
        <charset val="128"/>
      </rPr>
      <t xml:space="preserve">（2-212）
</t>
    </r>
    <r>
      <rPr>
        <sz val="8"/>
        <rFont val="ＭＳ ゴシック"/>
        <family val="3"/>
        <charset val="128"/>
      </rPr>
      <t>（会議室、ホテル又は旅館の宴会場等）</t>
    </r>
    <r>
      <rPr>
        <b/>
        <sz val="8"/>
        <rFont val="ＭＳ ゴシック"/>
        <family val="3"/>
        <charset val="128"/>
      </rPr>
      <t xml:space="preserve">
</t>
    </r>
    <r>
      <rPr>
        <sz val="8"/>
        <rFont val="ＭＳ ゴシック"/>
        <family val="3"/>
        <charset val="128"/>
      </rPr>
      <t>難聴者等の利用に配慮し、会議室や客席・観覧席、ホテル又は旅館の宴会場等には、聴覚障害者用集団補聴装置（ヒアリングループ（磁気ループ）システム、ＦＭ補聴装置（無線式）、赤外線補聴システム）等を設ける。</t>
    </r>
    <r>
      <rPr>
        <b/>
        <sz val="8"/>
        <rFont val="ＭＳ ゴシック"/>
        <family val="3"/>
        <charset val="128"/>
      </rPr>
      <t>（2-277）</t>
    </r>
    <rPh sb="14" eb="15">
      <t>セキ</t>
    </rPh>
    <phoneticPr fontId="1"/>
  </si>
  <si>
    <r>
      <t>二　段がある部分は、次に掲げるものであること。</t>
    </r>
    <r>
      <rPr>
        <b/>
        <sz val="8"/>
        <rFont val="ＭＳ ゴシック"/>
        <family val="3"/>
        <charset val="128"/>
      </rPr>
      <t>（第16条）</t>
    </r>
    <phoneticPr fontId="1"/>
  </si>
  <si>
    <t>・手すりの断面の形状は、円形等の握りやすいものとし、外径3～4㎝（小児用の場合3㎝）程度とする。
・衝突時の危険性を少なくし、服の袖の引掛りを避けるため、手すりの端部は、壁側に曲げることが望ましい。</t>
    <phoneticPr fontId="1"/>
  </si>
  <si>
    <t>・補助犬（盲導犬、聴導犬、介助犬）利用者への配慮として、補助犬の排泄スペース、出入口の幅員に配慮すること。</t>
    <phoneticPr fontId="1"/>
  </si>
  <si>
    <t>車いす使用者の通行を妨げるため、進行方向以外への側面へ傾斜させないこと。</t>
    <phoneticPr fontId="1"/>
  </si>
  <si>
    <t>通行の安全、休憩、方向転換等のため、水平な踊場が必要となる。</t>
    <phoneticPr fontId="1"/>
  </si>
  <si>
    <t>車いす使用者が自力で登坂できるこう配は1/12以下である。</t>
    <phoneticPr fontId="1"/>
  </si>
  <si>
    <t>・高さが16センチメートルを超え、かつ、こう配が20分の１を超える傾斜がある部分には両側に手すりを設けること。</t>
    <phoneticPr fontId="1"/>
  </si>
  <si>
    <t>(1)　不特定かつ多数の者が利用し、又は主として障害者等が利用する敷地内の通路は、次に掲げるものであること。ただし、別表第１の２の項(3)の項に掲げる動物園等にあっては、この限りでない。</t>
    <phoneticPr fontId="1"/>
  </si>
  <si>
    <r>
      <t>・杖等による危険の認知、車椅子のキャスター等の脱輪防止等のため、側壁がない傾斜路側端には、5㎝以上の立ち上がりを設けることが望ましい。</t>
    </r>
    <r>
      <rPr>
        <b/>
        <sz val="8"/>
        <rFont val="ＭＳ ゴシック"/>
        <family val="3"/>
        <charset val="128"/>
      </rPr>
      <t>（2-83）</t>
    </r>
    <phoneticPr fontId="1"/>
  </si>
  <si>
    <t>・傾斜路の水平面が出入口に直結している場合には、戸の開閉に必要なスペースを確保すること。</t>
    <phoneticPr fontId="1"/>
  </si>
  <si>
    <t>・端部は床に対して段を生じない構造とし、通路を移動する人との衝突を避けかつ車いすが転回できるよう、長さ150センチメートル程度の踊場を設けること。</t>
    <phoneticPr fontId="1"/>
  </si>
  <si>
    <t>・通行の安全確保、休憩、方向転換等のため、傾斜路の上端・下端に近接する部分、曲がりの部分、折り返し部分、他の通路との交差部分にも、踏幅150㎝以上の水平なスペースを設ける</t>
    <phoneticPr fontId="1"/>
  </si>
  <si>
    <r>
      <rPr>
        <u/>
        <sz val="8"/>
        <rFont val="ＭＳ ゴシック"/>
        <family val="3"/>
        <charset val="128"/>
      </rPr>
      <t>多数の者</t>
    </r>
    <r>
      <rPr>
        <sz val="8"/>
        <rFont val="ＭＳ ゴシック"/>
        <family val="3"/>
        <charset val="128"/>
      </rPr>
      <t>が利用する駐車場には、当該駐車場の全駐車台数が200以下の場合は当該駐車台数に50分の１を乗じて得た数以上、全駐車台数が200を超える場合は当該駐車台数に100分の１を乗じて得た数に２を加えた数以上の車いす使用者用駐車施設を設けなければならない。</t>
    </r>
    <r>
      <rPr>
        <b/>
        <sz val="8"/>
        <rFont val="ＭＳ ゴシック"/>
        <family val="3"/>
        <charset val="128"/>
      </rPr>
      <t>（第12条）</t>
    </r>
    <r>
      <rPr>
        <sz val="8"/>
        <rFont val="ＭＳ ゴシック"/>
        <family val="3"/>
        <charset val="128"/>
      </rPr>
      <t xml:space="preserve">
</t>
    </r>
    <phoneticPr fontId="1"/>
  </si>
  <si>
    <t>・発券機や精算機は、運転席のみでなく助手席からも利用できるように配慮する。</t>
    <phoneticPr fontId="1"/>
  </si>
  <si>
    <t>・発券機や精算機等は、立位がとれない利用者や、手や指の不自由な利用者も使えるよう、設置位置や高さ等に配慮する。</t>
    <phoneticPr fontId="1"/>
  </si>
  <si>
    <r>
      <t>・車椅子使用者用駐車施設の乗降用スペースは、左右両方に設けることがより望ましい。車椅子使用者用駐車施設を隣接して複数設けると、左右どちらからでも乗降できるようになる。</t>
    </r>
    <r>
      <rPr>
        <b/>
        <sz val="8"/>
        <rFont val="ＭＳ ゴシック"/>
        <family val="3"/>
        <charset val="128"/>
      </rPr>
      <t>(2-59)</t>
    </r>
    <phoneticPr fontId="1"/>
  </si>
  <si>
    <t>・必要に応じて、車止めを適切に処置すること。</t>
    <phoneticPr fontId="1"/>
  </si>
  <si>
    <t>・車いすと自動車の座席との乗り移りの際に、車いす使用者が体制を安定でき、車いすが自走しないように傾斜した場所には設けないこと。</t>
    <phoneticPr fontId="1"/>
  </si>
  <si>
    <r>
      <t>・水勾配が必要な場合を除き、舗装は水平とする。</t>
    </r>
    <r>
      <rPr>
        <b/>
        <sz val="8"/>
        <rFont val="ＭＳ ゴシック"/>
        <family val="3"/>
        <charset val="128"/>
      </rPr>
      <t>(2-59)</t>
    </r>
    <phoneticPr fontId="1"/>
  </si>
  <si>
    <r>
      <t>・屋内駐車場の場合、車椅子使用者用駐車施設は、エレベーターホールの出入口付近に設けることが望ましい。</t>
    </r>
    <r>
      <rPr>
        <b/>
        <sz val="8"/>
        <rFont val="ＭＳ ゴシック"/>
        <family val="3"/>
        <charset val="128"/>
      </rPr>
      <t>(2-58)</t>
    </r>
    <phoneticPr fontId="1"/>
  </si>
  <si>
    <r>
      <t>・雨天時の利用や出入口付近での自動車の乗降時に困難が生じないよう、建築物の出入口には、屋根又は庇を設けることが望ましい。</t>
    </r>
    <r>
      <rPr>
        <b/>
        <sz val="8"/>
        <rFont val="ＭＳ ゴシック"/>
        <family val="3"/>
        <charset val="128"/>
      </rPr>
      <t>（２-73）</t>
    </r>
    <phoneticPr fontId="1"/>
  </si>
  <si>
    <t>・主要な経路上の出入口前後には、車椅子使用者が直進でき、方向転回できるよう、140㎝角以上の水平なスペースを確保する。</t>
    <phoneticPr fontId="1"/>
  </si>
  <si>
    <t>・風除室の両開き戸の間隔は、車椅子使用者が待機するスペースが、十分確保できるものとする。</t>
    <phoneticPr fontId="1"/>
  </si>
  <si>
    <t>１以上の直接屋外に通ずる出入口等の有効幅員は、120センチメートル以上とすること。</t>
    <phoneticPr fontId="1"/>
  </si>
  <si>
    <t xml:space="preserve">・ノンスリップ加工を施す等、雨滴等による濡れた状態でも滑りにくい仕上げ、材料を選択すること。
</t>
    <phoneticPr fontId="1"/>
  </si>
  <si>
    <t>・利用者の事故につながるような突出物を設けないこと。ただし、視覚障害者の通行の安全上支障が生じないよう必要な措置を講じた場合は、この限りでない。</t>
    <phoneticPr fontId="1"/>
  </si>
  <si>
    <t>・マットを設ける場合は、埋込み式とするなど足を取られたり、車いすの通行の支障とならないよう配慮すること。</t>
    <phoneticPr fontId="1"/>
  </si>
  <si>
    <r>
      <t>七　高齢者、障害者等の休憩の用に供する設備を適切な位置に設けること。</t>
    </r>
    <r>
      <rPr>
        <b/>
        <sz val="8"/>
        <rFont val="ＭＳ ゴシック"/>
        <family val="3"/>
        <charset val="128"/>
      </rPr>
      <t>（第３条第１項）　</t>
    </r>
    <phoneticPr fontId="1"/>
  </si>
  <si>
    <r>
      <t>六　不特定かつ多数の者が利用し、又は主として視覚障害者が利用する廊下等に突出物を設けないこと。ただし、視覚障害者の通行の安全上支障が生じないよう必要な措置を講じた場合は、この限りでない。</t>
    </r>
    <r>
      <rPr>
        <b/>
        <sz val="8"/>
        <rFont val="ＭＳ ゴシック"/>
        <family val="3"/>
        <charset val="128"/>
      </rPr>
      <t>（第３条第１項）　</t>
    </r>
    <phoneticPr fontId="1"/>
  </si>
  <si>
    <t>・公共的施設において廊下等を設ける場合にあっては、５の項に定める構造とすること。
・すべての経路上の廊下等を整備すること。</t>
    <phoneticPr fontId="1"/>
  </si>
  <si>
    <t>・壁との間隔は、4～5㎝程度とし、手すりの支持は、下側で行うことが望ましい。</t>
    <phoneticPr fontId="1"/>
  </si>
  <si>
    <t>側面に廊下等に向かって開く戸を設ける場合には、当該戸の開閉により高齢者、障害者等の通行の安全上支障がないよう必要な措置を講ずること。</t>
    <phoneticPr fontId="1"/>
  </si>
  <si>
    <r>
      <t>五　側面に廊下等に向かって開く戸を設ける場合には、当該戸の開閉により高齢者、障害者等の通行の安全上支障がないよう必要な措置を講ずること。</t>
    </r>
    <r>
      <rPr>
        <b/>
        <sz val="8"/>
        <rFont val="ＭＳ ゴシック"/>
        <family val="3"/>
        <charset val="128"/>
      </rPr>
      <t>（第３条第１項）　</t>
    </r>
    <phoneticPr fontId="1"/>
  </si>
  <si>
    <r>
      <t>・側面に廊下等に向かって開く戸を設ける場合には、当該戸の開閉により高齢者、障害者等の通行の安全上支障がないよう十分なスペース（アルコーブ等を設ける等）を講ずることが望ましい。</t>
    </r>
    <r>
      <rPr>
        <b/>
        <sz val="8"/>
        <rFont val="ＭＳ ゴシック"/>
        <family val="3"/>
        <charset val="128"/>
      </rPr>
      <t>（2-84）</t>
    </r>
    <phoneticPr fontId="1"/>
  </si>
  <si>
    <r>
      <rPr>
        <u/>
        <sz val="8"/>
        <rFont val="ＭＳ ゴシック"/>
        <family val="3"/>
        <charset val="128"/>
      </rPr>
      <t>多数の者</t>
    </r>
    <r>
      <rPr>
        <sz val="8"/>
        <rFont val="ＭＳ ゴシック"/>
        <family val="3"/>
        <charset val="128"/>
      </rPr>
      <t xml:space="preserve">が利用する階段は、次に掲げるものとしなければならない。
</t>
    </r>
    <phoneticPr fontId="1"/>
  </si>
  <si>
    <r>
      <t>・原則として、同一の階段は、同一のけあげ・踏面寸法とする。</t>
    </r>
    <r>
      <rPr>
        <b/>
        <sz val="8"/>
        <rFont val="ＭＳ ゴシック"/>
        <family val="3"/>
        <charset val="128"/>
      </rPr>
      <t>（2-90）</t>
    </r>
    <phoneticPr fontId="1"/>
  </si>
  <si>
    <t>・手すりは、肢体不自由者の右半身麻痺、左半身麻痺等の利用を考慮し、傾斜路の両側に連続して設けることが基本であるが、構造上困難な場合には、片側に設け、連続性のあるものとすること。</t>
    <phoneticPr fontId="1"/>
  </si>
  <si>
    <t>・手すりは階段の踊場を含め設置する。</t>
    <phoneticPr fontId="1"/>
  </si>
  <si>
    <t>・両側に連続して設置すること。</t>
    <phoneticPr fontId="1"/>
  </si>
  <si>
    <r>
      <t>手すりの上端の高さ（通路、階段）は次の通りとする。
・1本の場合 Ｈ＝75～85㎝程度
・2本の場合 Ｈ＝75～85㎝程度。Ｈ＝60～65㎝程度</t>
    </r>
    <r>
      <rPr>
        <b/>
        <sz val="8"/>
        <rFont val="ＭＳ ゴシック"/>
        <family val="3"/>
        <charset val="128"/>
      </rPr>
      <t>(2-238)</t>
    </r>
    <phoneticPr fontId="1"/>
  </si>
  <si>
    <t xml:space="preserve">・途中で途切れないよう、階段から連続して踊場にも手すりを設けることが望ましい。
</t>
    <phoneticPr fontId="1"/>
  </si>
  <si>
    <r>
      <t>・手すりの端部は、壁面側又は</t>
    </r>
    <r>
      <rPr>
        <u/>
        <sz val="8"/>
        <rFont val="ＭＳ ゴシック"/>
        <family val="3"/>
        <charset val="128"/>
      </rPr>
      <t>下方に</t>
    </r>
    <r>
      <rPr>
        <sz val="8"/>
        <rFont val="ＭＳ ゴシック"/>
        <family val="3"/>
        <charset val="128"/>
      </rPr>
      <t>巻き込むなど端部が突出しない構造とすること。</t>
    </r>
    <phoneticPr fontId="1"/>
  </si>
  <si>
    <t>車いす使用者の通行を妨げるため、進行方向以外の側面へ傾斜させないこと。</t>
    <phoneticPr fontId="1"/>
  </si>
  <si>
    <t xml:space="preserve">・途中で途切れないよう、傾斜路から連続して踊場にも手すりを設けることが望ましい。
</t>
    <rPh sb="12" eb="14">
      <t>ケイシャ</t>
    </rPh>
    <rPh sb="14" eb="15">
      <t>ロ</t>
    </rPh>
    <phoneticPr fontId="1"/>
  </si>
  <si>
    <r>
      <t>・手すりの端部は、壁面側又は</t>
    </r>
    <r>
      <rPr>
        <u/>
        <sz val="8"/>
        <rFont val="ＭＳ ゴシック"/>
        <family val="3"/>
        <charset val="128"/>
      </rPr>
      <t>下方</t>
    </r>
    <r>
      <rPr>
        <sz val="8"/>
        <rFont val="ＭＳ ゴシック"/>
        <family val="3"/>
        <charset val="128"/>
      </rPr>
      <t>に巻き込むなど端部が突出しない構造とすること。</t>
    </r>
    <phoneticPr fontId="1"/>
  </si>
  <si>
    <t>多数の者が利用する階段を設ける場合の措置</t>
    <rPh sb="0" eb="2">
      <t>タスウ</t>
    </rPh>
    <rPh sb="3" eb="4">
      <t>モノ</t>
    </rPh>
    <rPh sb="5" eb="7">
      <t>リヨウ</t>
    </rPh>
    <rPh sb="9" eb="11">
      <t>カイダン</t>
    </rPh>
    <rPh sb="12" eb="13">
      <t>モウ</t>
    </rPh>
    <rPh sb="15" eb="17">
      <t>バアイ</t>
    </rPh>
    <rPh sb="18" eb="20">
      <t>ソチ</t>
    </rPh>
    <phoneticPr fontId="1"/>
  </si>
  <si>
    <r>
      <rPr>
        <u/>
        <sz val="8"/>
        <rFont val="ＭＳ ゴシック"/>
        <family val="3"/>
        <charset val="128"/>
      </rPr>
      <t>多数の者</t>
    </r>
    <r>
      <rPr>
        <sz val="8"/>
        <rFont val="ＭＳ ゴシック"/>
        <family val="3"/>
        <charset val="128"/>
      </rPr>
      <t>が利用するエレベーター（次条に規定するものを除く。以下この条において同じ。）を設ける場合には、第一号及び第二号に規定する階に停止する籠を備えたエレベーターを、第一号に規定する階ごとに一以上設けなければならない。
一　多数の者が利用する居室、車椅子使用者用便房、車椅子使用者用駐車施設、車椅子使用者用客室又は第13条第１号に規定する車椅子使用者用浴室等がある階
二　直接地上へ通ずる出入口のある階</t>
    </r>
    <r>
      <rPr>
        <b/>
        <sz val="8"/>
        <rFont val="ＭＳ ゴシック"/>
        <family val="3"/>
        <charset val="128"/>
      </rPr>
      <t>(第７条第１項)</t>
    </r>
    <rPh sb="205" eb="206">
      <t>ダイ</t>
    </rPh>
    <rPh sb="207" eb="208">
      <t>コウ</t>
    </rPh>
    <phoneticPr fontId="1"/>
  </si>
  <si>
    <r>
      <t>・地上階の直上階若しくは直下階のみに利用居室を設ける場合にも、利用居室、車椅子使用者用便房又は車椅子使用者用駐車施設がある階及び地上階に停止するエレベーターを、1以上設けることが望ましい。</t>
    </r>
    <r>
      <rPr>
        <sz val="8"/>
        <rFont val="ＭＳ ゴシック"/>
        <family val="3"/>
        <charset val="128"/>
      </rPr>
      <t xml:space="preserve">
・多数の利用者が利用する居室、車椅子使用者用便房、車椅子使用者用駐車施設、車椅子使用者用客室又は車椅子使用者用浴室等がある階、及び直接地上へ通ずる出入口のある階に停止する籠を備えたエレベーターを、1以上設けることが望ましい。</t>
    </r>
    <r>
      <rPr>
        <b/>
        <sz val="8"/>
        <rFont val="ＭＳ ゴシック"/>
        <family val="3"/>
        <charset val="128"/>
      </rPr>
      <t>（2-97）</t>
    </r>
    <phoneticPr fontId="1"/>
  </si>
  <si>
    <r>
      <t>・主要な経路上のエレベーターの籠の奥行きは、135cm以上とする。</t>
    </r>
    <r>
      <rPr>
        <sz val="8"/>
        <rFont val="ＭＳ ゴシック"/>
        <family val="3"/>
        <charset val="128"/>
      </rPr>
      <t xml:space="preserve">
・床面積の合計が2,000㎡以上の不特定多数の者が利用する建築物では、主要な経路上のエレベーターの籠の幅は、140cm以上とし、籠は、車椅子の転回に支障がない構造とする。（収容人員11人乗り以上）</t>
    </r>
    <r>
      <rPr>
        <b/>
        <sz val="8"/>
        <rFont val="ＭＳ ゴシック"/>
        <family val="3"/>
        <charset val="128"/>
      </rPr>
      <t>（2-98）</t>
    </r>
    <phoneticPr fontId="1"/>
  </si>
  <si>
    <r>
      <t>・過負荷（定員超過）の際の過荷重ブザーによる報知のわかりにくい利用者もいるため、過負荷の視覚的表示及び自動放送装置による案内をすることが望ましい。
・聴覚障害者等の利用に配慮し、籠出入口の枠、又は籠正面壁等の見やすい位置に、定員超過であることを示す過負荷表示灯を設けることが望ましい。</t>
    </r>
    <r>
      <rPr>
        <b/>
        <sz val="8"/>
        <rFont val="ＭＳ ゴシック"/>
        <family val="3"/>
        <charset val="128"/>
      </rPr>
      <t>（2-104）</t>
    </r>
    <phoneticPr fontId="1"/>
  </si>
  <si>
    <t>かご内には、適切な高さに手すりを設置するとともに、</t>
    <phoneticPr fontId="1"/>
  </si>
  <si>
    <t>戸の開閉状態等を確認することができる鏡を配置すること。</t>
    <phoneticPr fontId="1"/>
  </si>
  <si>
    <r>
      <t>・主要な経路上のエレベーターの乗降ロビーには、到着する籠の昇降方向を表示する装置を設ける。</t>
    </r>
    <r>
      <rPr>
        <b/>
        <sz val="8"/>
        <rFont val="ＭＳ ゴシック"/>
        <family val="3"/>
        <charset val="128"/>
      </rPr>
      <t xml:space="preserve">（2-101）
</t>
    </r>
    <r>
      <rPr>
        <sz val="8"/>
        <rFont val="ＭＳ ゴシック"/>
        <family val="3"/>
        <charset val="128"/>
      </rPr>
      <t/>
    </r>
    <phoneticPr fontId="1"/>
  </si>
  <si>
    <t>ア.手すり</t>
    <rPh sb="2" eb="3">
      <t>テ</t>
    </rPh>
    <phoneticPr fontId="1"/>
  </si>
  <si>
    <t>イ.踏段</t>
    <phoneticPr fontId="1"/>
  </si>
  <si>
    <t>ウ.くし板</t>
    <phoneticPr fontId="1"/>
  </si>
  <si>
    <t>エ.視覚障害者誘導用ブロック等</t>
    <phoneticPr fontId="1"/>
  </si>
  <si>
    <t>オ.その他の設備</t>
    <rPh sb="4" eb="5">
      <t>タ</t>
    </rPh>
    <rPh sb="6" eb="8">
      <t>セツビ</t>
    </rPh>
    <phoneticPr fontId="1"/>
  </si>
  <si>
    <t>カ.車椅子使用者対応エスカレーター</t>
    <rPh sb="2" eb="5">
      <t>クルマイス</t>
    </rPh>
    <rPh sb="5" eb="8">
      <t>シヨウシャ</t>
    </rPh>
    <rPh sb="8" eb="10">
      <t>タイオウ</t>
    </rPh>
    <phoneticPr fontId="1"/>
  </si>
  <si>
    <t>※共通事項/車いす使用者用便房の規定を記載</t>
    <rPh sb="1" eb="3">
      <t>キョウツウ</t>
    </rPh>
    <rPh sb="3" eb="5">
      <t>ジコウ</t>
    </rPh>
    <rPh sb="6" eb="7">
      <t>クルマ</t>
    </rPh>
    <rPh sb="9" eb="12">
      <t>シヨウシャ</t>
    </rPh>
    <rPh sb="12" eb="13">
      <t>ヨウ</t>
    </rPh>
    <rPh sb="13" eb="14">
      <t>ベン</t>
    </rPh>
    <rPh sb="14" eb="15">
      <t>ボウ</t>
    </rPh>
    <rPh sb="16" eb="18">
      <t>キテイ</t>
    </rPh>
    <rPh sb="19" eb="21">
      <t>キサイ</t>
    </rPh>
    <phoneticPr fontId="1"/>
  </si>
  <si>
    <r>
      <t>（手動式引き戸）
・取っ手は棒状ハンドル式等、握りやすさに配慮したものとする。</t>
    </r>
    <r>
      <rPr>
        <b/>
        <sz val="8"/>
        <rFont val="ＭＳ ゴシック"/>
        <family val="3"/>
        <charset val="128"/>
      </rPr>
      <t>（2-128）</t>
    </r>
    <r>
      <rPr>
        <sz val="8"/>
        <rFont val="ＭＳ ゴシック"/>
        <family val="3"/>
        <charset val="128"/>
      </rPr>
      <t xml:space="preserve">
・鍵は車椅子使用者が操作しやすい高さに設置する。</t>
    </r>
    <r>
      <rPr>
        <b/>
        <sz val="8"/>
        <rFont val="ＭＳ ゴシック"/>
        <family val="3"/>
        <charset val="128"/>
      </rPr>
      <t>（2-135）</t>
    </r>
    <rPh sb="1" eb="4">
      <t>シュドウシキ</t>
    </rPh>
    <rPh sb="4" eb="5">
      <t>ヒ</t>
    </rPh>
    <rPh sb="6" eb="7">
      <t>ド</t>
    </rPh>
    <phoneticPr fontId="1"/>
  </si>
  <si>
    <r>
      <t xml:space="preserve">
・戸の開閉盤は、戸から70cm以上離して設置し、その設置高さは100cm程度とすることが望ましい。
・戸の開閉盤（開閉スイッチ）は、電動式の戸の場合、車椅子使用者が中に入りきってから操作できるよう配慮する。
・自動式引き戸のドア開閉盤は、手かざしセンサー式が使いにくい人もいることから、操作しやすい押しボタン式とすることが望ましい。</t>
    </r>
    <r>
      <rPr>
        <b/>
        <sz val="8"/>
        <rFont val="ＭＳ ゴシック"/>
        <family val="3"/>
        <charset val="128"/>
      </rPr>
      <t>（2-136）</t>
    </r>
    <phoneticPr fontId="1"/>
  </si>
  <si>
    <r>
      <t>（自動式引き戸）
・介助者等による外からの戸の開閉に関わらず、高齢者、障害者等が便房内にいる状態では便房内の照明・換気扇等が停止しない機能を有するものとする。
・使用中である旨を表示する装置を設置する。
・自動式引き戸については、「多機能トイレ用自動ドア安全ガイドライン」（JADA-0006）（全国自動ドア協会）による。</t>
    </r>
    <r>
      <rPr>
        <b/>
        <sz val="8"/>
        <rFont val="ＭＳ ゴシック"/>
        <family val="3"/>
        <charset val="128"/>
      </rPr>
      <t>（2-136）</t>
    </r>
    <rPh sb="1" eb="3">
      <t>ジドウ</t>
    </rPh>
    <rPh sb="3" eb="4">
      <t>シキ</t>
    </rPh>
    <rPh sb="4" eb="5">
      <t>ヒ</t>
    </rPh>
    <rPh sb="6" eb="7">
      <t>ド</t>
    </rPh>
    <phoneticPr fontId="1"/>
  </si>
  <si>
    <t xml:space="preserve">
・外開き戸とする場合は、奥に設ける等、利用者が衝突する危険がないよう配慮する。</t>
    <phoneticPr fontId="1"/>
  </si>
  <si>
    <t>（開き戸）
・外開き戸の場合、開閉操作が円滑に行うことができるよう、扉に補助取っ手を設ける。</t>
    <rPh sb="1" eb="2">
      <t>ヒラ</t>
    </rPh>
    <rPh sb="3" eb="4">
      <t>ド</t>
    </rPh>
    <phoneticPr fontId="1"/>
  </si>
  <si>
    <r>
      <t>（手動・自動式引き戸）
・鍵は、指の不自由な人でも施錠の操作がしやすいもの（大型のレバーハンドル錠）とし、緊急の場合は外部からも解錠できるものとする。</t>
    </r>
    <r>
      <rPr>
        <b/>
        <sz val="8"/>
        <rFont val="ＭＳ ゴシック"/>
        <family val="3"/>
        <charset val="128"/>
      </rPr>
      <t xml:space="preserve">(2-128)
</t>
    </r>
    <r>
      <rPr>
        <sz val="8"/>
        <rFont val="ＭＳ ゴシック"/>
        <family val="3"/>
        <charset val="128"/>
      </rPr>
      <t>（開き戸）
・内開き戸の場合、緊急時に戸を外せるものとする。（内開き戸は、利用者が便房内で倒れたとき等に、倒れた利用者の体が障害となり開けることができず、救出できないおそれがある。）</t>
    </r>
    <rPh sb="1" eb="3">
      <t>シュドウ</t>
    </rPh>
    <rPh sb="4" eb="6">
      <t>ジドウ</t>
    </rPh>
    <rPh sb="6" eb="7">
      <t>シキ</t>
    </rPh>
    <rPh sb="7" eb="8">
      <t>ヒ</t>
    </rPh>
    <rPh sb="9" eb="10">
      <t>ド</t>
    </rPh>
    <rPh sb="84" eb="85">
      <t>ヒラ</t>
    </rPh>
    <rPh sb="86" eb="87">
      <t>ド</t>
    </rPh>
    <phoneticPr fontId="1"/>
  </si>
  <si>
    <t>（腰掛便座）
・腰掛便座の形状は、車いすのフットレストがあたることで使用時の障害になりにくいものとすること。</t>
    <phoneticPr fontId="1"/>
  </si>
  <si>
    <t>・床置式便器又は壁掛式便器とする。</t>
    <phoneticPr fontId="1"/>
  </si>
  <si>
    <r>
      <t>・座面高さは、車椅子から便座に移乗しやすいように配慮し、蓋のない状態で、42～45㎝程度とする。</t>
    </r>
    <r>
      <rPr>
        <b/>
        <sz val="8"/>
        <rFont val="ＭＳ ゴシック"/>
        <family val="3"/>
        <charset val="128"/>
      </rPr>
      <t>（2-136）</t>
    </r>
    <phoneticPr fontId="1"/>
  </si>
  <si>
    <t>（背もたれ）
・便器の背後に背もたれを設けること。</t>
    <phoneticPr fontId="1"/>
  </si>
  <si>
    <r>
      <t>・腰掛便座は、温水洗浄便座（温水でおしり等を洗浄する機能を持つ腰掛便座）とすることが望ましい</t>
    </r>
    <r>
      <rPr>
        <b/>
        <sz val="8"/>
        <rFont val="ＭＳ ゴシック"/>
        <family val="3"/>
        <charset val="128"/>
      </rPr>
      <t>（2-129）</t>
    </r>
    <phoneticPr fontId="1"/>
  </si>
  <si>
    <t>（洗面器）
・洗面器は、移動の支障とならない場所に設けること。手洗い器を便座から手の届く位置に設置することも有効である。</t>
    <phoneticPr fontId="1"/>
  </si>
  <si>
    <r>
      <rPr>
        <b/>
        <sz val="8"/>
        <rFont val="ＭＳ ゴシック"/>
        <family val="3"/>
        <charset val="128"/>
      </rPr>
      <t xml:space="preserve">
</t>
    </r>
    <r>
      <rPr>
        <sz val="8"/>
        <rFont val="ＭＳ ゴシック"/>
        <family val="3"/>
        <charset val="128"/>
      </rPr>
      <t/>
    </r>
    <phoneticPr fontId="1"/>
  </si>
  <si>
    <t>・手すりは、握りやすいものとすること。</t>
    <phoneticPr fontId="1"/>
  </si>
  <si>
    <r>
      <t>・手すりは腰掛便座の両側に水平、垂直に取り付ける。
・介助等を考慮し、片側の手すりは跳ね上げ手すりとする。</t>
    </r>
    <r>
      <rPr>
        <b/>
        <sz val="8"/>
        <rFont val="ＭＳ ゴシック"/>
        <family val="3"/>
        <charset val="128"/>
      </rPr>
      <t>（2-137）</t>
    </r>
    <phoneticPr fontId="1"/>
  </si>
  <si>
    <t>（手すり）
・腰掛便座には、車いすからの移乗を補助したり、用便中の姿勢を安定させる手すりを設けること。</t>
    <phoneticPr fontId="1"/>
  </si>
  <si>
    <t>・洗面器の下部には、原則として、車いす前部の収納を考慮した、高さ65センチメートル程度、奥行き45センチメートル程度のけこみを設けること。</t>
    <phoneticPr fontId="1"/>
  </si>
  <si>
    <t>・洗面所の水栓は、レバー式、光感応式など簡単に操作できるものとすること。</t>
    <phoneticPr fontId="1"/>
  </si>
  <si>
    <t>・介護用のベッドを設けること。</t>
    <phoneticPr fontId="1"/>
  </si>
  <si>
    <t>鏡は、洗面器にできる限り近い位置を下端とし、上端は洗面器から100cm以上の高さとすることが望ましい。
留意点：傾斜式鏡は主に車椅子使用者を想定して開発されたものであるが、近年車椅子使用者の座高が多様化し使用しにくい。洗面所の鏡は傾けず、設置高さを下げることでだれにでも利用できるようにする。</t>
    <rPh sb="0" eb="1">
      <t>カガミ</t>
    </rPh>
    <rPh sb="53" eb="56">
      <t>リュウイテン</t>
    </rPh>
    <phoneticPr fontId="1"/>
  </si>
  <si>
    <r>
      <t>・車椅子使用者用便房の出入口の廊下等には、非常呼出表示ランプを設け、事務所や防災センター等に警報盤を設ける。</t>
    </r>
    <r>
      <rPr>
        <b/>
        <sz val="8"/>
        <rFont val="ＭＳ ゴシック"/>
        <family val="3"/>
        <charset val="128"/>
      </rPr>
      <t>（2-137）</t>
    </r>
    <phoneticPr fontId="1"/>
  </si>
  <si>
    <t>（通報装置）
・呼出ボタンは、腰掛便座及び車椅子に座った状態で手が届く範囲と、床に転倒したときにも届くよう、側壁面の低い位置にも設ける。</t>
    <phoneticPr fontId="1"/>
  </si>
  <si>
    <t>・ごみ箱を設ける場合は、腰掛便座又は車椅子に座った状態で手が届く範囲に設ける。
・戸の開閉や施錠の操作が円滑に行えるよう、戸の付近にはごみ箱等を設けない。</t>
    <phoneticPr fontId="1"/>
  </si>
  <si>
    <t>・洗浄装置のレバー等は、障害者等が操作しやすい形状とし、適切な位置に設置すること。</t>
    <phoneticPr fontId="1"/>
  </si>
  <si>
    <t>（付属器具）
・便器の横側面に洗浄ボタン、ペーパーホルダー、呼び出しボタンを設ける場合は、ＪＩＳＳ0026に基づく配置とすること。</t>
    <phoneticPr fontId="1"/>
  </si>
  <si>
    <r>
      <t>・便器洗浄ボタンは、押しボタン式等の視覚障害者が触知しやすく誤作動しにくいものとする。
・便器洗浄ボタン及び呼出ボタン、各種設備の操作ボタンは、文字・図記号の見やすさ、背景の色の明度、色相又は彩度の差を選定し、分かりやすいボタン表
示とする。</t>
    </r>
    <r>
      <rPr>
        <b/>
        <sz val="8"/>
        <rFont val="ＭＳ ゴシック"/>
        <family val="3"/>
        <charset val="128"/>
      </rPr>
      <t>（2-129）</t>
    </r>
    <r>
      <rPr>
        <sz val="8"/>
        <rFont val="ＭＳ ゴシック"/>
        <family val="3"/>
        <charset val="128"/>
      </rPr>
      <t xml:space="preserve">
・ボタンがたくさんあり、どれが、どのボタンかわかりづらい場合があることから、利用状況が想定できる場合は、ボタンの数は必要最小限にとどめる。
</t>
    </r>
    <r>
      <rPr>
        <b/>
        <sz val="8"/>
        <rFont val="ＭＳ ゴシック"/>
        <family val="3"/>
        <charset val="128"/>
      </rPr>
      <t>（2-130）</t>
    </r>
    <phoneticPr fontId="1"/>
  </si>
  <si>
    <r>
      <t>・ボタンは手指に障害のある人（巧緻運動障害等）でも押しやすい等、操作性に配慮したものが望ましい。
・ボタンには、凹凸やふくらみ、へこみ、コントラストのある縁取り等をつけ、また、点字や浮き彫り文字、触覚記号等による表示を行う等、視覚障害者にわかりやすいものとすることが望ましい。
・洗浄装置は、センサー式が使いやすい一方で、視覚障害者は触れることのできる形式の方が使いやすいため、センサー式の場合は、便器洗浄ボタンを併設する等の配慮をする。</t>
    </r>
    <r>
      <rPr>
        <b/>
        <sz val="8"/>
        <rFont val="ＭＳ ゴシック"/>
        <family val="3"/>
        <charset val="128"/>
      </rPr>
      <t>（2-130）</t>
    </r>
    <phoneticPr fontId="1"/>
  </si>
  <si>
    <r>
      <t>大型ベッドの設置位置は、介助者の作業のしやすさや大型ベッドからの片側への転落を防止し、安全性の確保等に十分配慮したものとする。
・戸の開閉や施錠の操作が円滑に行えるよう、戸の付近には大型ベッドを設けない。
・緊急時において、折畳み式大型ベッド等を使用している状態でも人の出入りができるよう、大型ベッドの位置と出入口の位置関係に配慮する。</t>
    </r>
    <r>
      <rPr>
        <b/>
        <sz val="8"/>
        <rFont val="ＭＳ ゴシック"/>
        <family val="3"/>
        <charset val="128"/>
      </rPr>
      <t>（2-138）</t>
    </r>
    <phoneticPr fontId="1"/>
  </si>
  <si>
    <r>
      <t>排泄介助が必要な障害者（児）の脱衣・おむつ交換等に配慮し、1以上の車椅子使用者用便房は大型ベッド付きとし、異性による介助に配慮し男女が共用できる位置に設ける。</t>
    </r>
    <r>
      <rPr>
        <b/>
        <sz val="8"/>
        <rFont val="ＭＳ ゴシック"/>
        <family val="3"/>
        <charset val="128"/>
      </rPr>
      <t>（2-131）</t>
    </r>
    <r>
      <rPr>
        <sz val="8"/>
        <rFont val="ＭＳ ゴシック"/>
        <family val="3"/>
        <charset val="128"/>
      </rPr>
      <t/>
    </r>
    <phoneticPr fontId="1"/>
  </si>
  <si>
    <r>
      <t>・折畳み式大型ベッドを設置する場合には、車椅子に座ったままでも畳める構造、位置とすることが望ましい。</t>
    </r>
    <r>
      <rPr>
        <b/>
        <sz val="8"/>
        <rFont val="ＭＳ ゴシック"/>
        <family val="3"/>
        <charset val="128"/>
      </rPr>
      <t>（2-138）</t>
    </r>
    <phoneticPr fontId="1"/>
  </si>
  <si>
    <r>
      <t>(1)各設備を使用でき、車椅子使用者が360°回転できるよう、直径150㎝以上の円が内接できるスペースを設け、かつ便房の標準内法寸法は200㎝以上×200㎝以上を基本とする。（ライニング等（洗面器の背後にある配管収納等）は内法寸法に含めない）
(2)そのうち、床面積2,000㎡以上の不特定多数の者が利用し、又は主として高齢者、障害者等が利用する建築物を建築する場合に設ける1以上の車椅子使用者用便房には、改修等で対応が困難な場合を除き、原則として大型ベッドの大きさ、設置位置及び介助者同伴等、多様な動作を考慮するとともに、座位変換型の（電動）車椅子使用者が360°回転できるよう、直径180㎝以上の円が内接できるスペースを設ける。
(3)便器の正面及び側面に、車椅子使用者が車椅子を近づけて、便器に移乗するためのスペースを設ける。
(4)複数の車椅子使用者用便房を近傍に設ける場合には、車椅子使用者が便房へのアプローチや移乗方法を選択できるよう、便器を左右対称に設けることが望ましい。</t>
    </r>
    <r>
      <rPr>
        <b/>
        <sz val="8"/>
        <rFont val="ＭＳ ゴシック"/>
        <family val="3"/>
        <charset val="128"/>
      </rPr>
      <t>（2-132）</t>
    </r>
    <phoneticPr fontId="1"/>
  </si>
  <si>
    <t>手動車いすで方向転換が可能なスペース（200センチメートル以上×200センチメートル以上）を確保すること。このスペースが確保できない場合は、150センチメートル以上×200センチメートル以上程度を確保すること。</t>
    <phoneticPr fontId="1"/>
  </si>
  <si>
    <t>車椅子使用者用便房には、車椅子使用者が円滑に利用することができるよう十分な空間を確保する。なお、十分な空間とは、次の事項を標準的な整備として設ける。</t>
    <rPh sb="56" eb="57">
      <t>ツギ</t>
    </rPh>
    <phoneticPr fontId="1"/>
  </si>
  <si>
    <t>・既存建築物の改修以外は簡易型設備による対応は行わないこと。</t>
    <phoneticPr fontId="1"/>
  </si>
  <si>
    <t>・水洗器具とは、オストメイト（人工肛門、人口膀胱造設者）対応の設備である。</t>
    <phoneticPr fontId="1"/>
  </si>
  <si>
    <t>・ストーマ装具を交換する際に腹部を洗浄することがあり、水栓は温水が出る混合水栓であることが望ましい。</t>
    <phoneticPr fontId="1"/>
  </si>
  <si>
    <t>・腹部等を洗浄しやすいよう、水栓はハンドシャワー型であることが望ましい。
・利用者の身長によって使いやすい汚物流しの高さは異なるため、汚物流しの高さが調節できると使いやす
い。</t>
    <phoneticPr fontId="1"/>
  </si>
  <si>
    <r>
      <t>・ストーマ装具や関連の小物等を置くことができる十分な広さの手荷物置き台（カウンター）を設ける。
・小物・手荷物やコート等の衣類をかけるフックを複数設ける。</t>
    </r>
    <r>
      <rPr>
        <b/>
        <sz val="8"/>
        <rFont val="ＭＳ ゴシック"/>
        <family val="3"/>
        <charset val="128"/>
      </rPr>
      <t>（2-140）</t>
    </r>
    <phoneticPr fontId="1"/>
  </si>
  <si>
    <t>＜国には区分がないため、記載がない部分は上記と同じ＞</t>
    <rPh sb="1" eb="2">
      <t>クニ</t>
    </rPh>
    <rPh sb="4" eb="6">
      <t>クブン</t>
    </rPh>
    <rPh sb="12" eb="14">
      <t>キサイ</t>
    </rPh>
    <rPh sb="17" eb="19">
      <t>ブブン</t>
    </rPh>
    <rPh sb="20" eb="22">
      <t>ジョウキ</t>
    </rPh>
    <rPh sb="23" eb="24">
      <t>オナ</t>
    </rPh>
    <phoneticPr fontId="1"/>
  </si>
  <si>
    <r>
      <rPr>
        <u/>
        <sz val="8"/>
        <rFont val="ＭＳ ゴシック"/>
        <family val="3"/>
        <charset val="128"/>
      </rPr>
      <t>多数の者</t>
    </r>
    <r>
      <rPr>
        <sz val="8"/>
        <rFont val="ＭＳ ゴシック"/>
        <family val="3"/>
        <charset val="128"/>
      </rPr>
      <t>が利用する男子用小便器のある便所が設けられている階ごとに、当該便所のうち一以上に、床置式の小便器、壁掛式の小便器（受け口の高さが35センチメートル以下のものに限る。）その他これらに類する小便器を一以上設けなければならない。</t>
    </r>
    <r>
      <rPr>
        <b/>
        <sz val="8"/>
        <rFont val="ＭＳ ゴシック"/>
        <family val="3"/>
        <charset val="128"/>
      </rPr>
      <t>（第９条第２項）</t>
    </r>
    <rPh sb="119" eb="120">
      <t>ダイ</t>
    </rPh>
    <rPh sb="121" eb="122">
      <t>コウ</t>
    </rPh>
    <phoneticPr fontId="1"/>
  </si>
  <si>
    <t>・男子用小便器のある便所を設ける場合には、そのうち1以上に、床置式の小便器、壁掛式の小便器（受け口の高さが35cm以下のものに限る。）その他これらに類する小便器を1以上設ける。</t>
    <rPh sb="0" eb="88">
      <t>ダイコウ</t>
    </rPh>
    <phoneticPr fontId="1"/>
  </si>
  <si>
    <t>・手すり付き床置式等の小便器は、便所の入口の一番近いところに設置すること。</t>
    <phoneticPr fontId="1"/>
  </si>
  <si>
    <t>・小便器の手すりは、つえ使用者等の歩行困難者が左右の手すりにつかまるか、胸あて用の手すりに胸をつけて不安定な身体を支えながら用を足せる構造とすること。</t>
    <phoneticPr fontId="1"/>
  </si>
  <si>
    <t>・１以上の床置式又は壁掛式の小便器（受け口の高さが35cm以下のものに限る。）には、杖使用者等の肢体不自由者等が立位を保つことができるよう、手すりを設ける。</t>
    <phoneticPr fontId="1"/>
  </si>
  <si>
    <r>
      <t>・上記の小便器は、便所の出入口から最も近い位置に設ける。</t>
    </r>
    <r>
      <rPr>
        <b/>
        <sz val="8"/>
        <rFont val="ＭＳ ゴシック"/>
        <family val="3"/>
        <charset val="128"/>
      </rPr>
      <t>（2-119）</t>
    </r>
    <phoneticPr fontId="1"/>
  </si>
  <si>
    <t>・吐水口の位置は、車椅子使用者の利用に配慮した位置（洗面器の手前縁から30㎝以内とすることが望ましい。）とする。</t>
    <phoneticPr fontId="1"/>
  </si>
  <si>
    <t xml:space="preserve">・車椅子使用者に使いやすいものと、立位で使いやすいものと、高さの異なる複数の洗面器を設けることが望ましい。
</t>
    <phoneticPr fontId="1"/>
  </si>
  <si>
    <t>・車いすでの使用に配慮し、洗面器の下部は床上65センチメートル程度の高さを確保し、洗面器上面の標準的高さを75センチメートル程度とすること。</t>
    <phoneticPr fontId="1"/>
  </si>
  <si>
    <t>・洗面器は、通行の支障とならない場所に設け、手すりは、原則として、両側に取り付けること。</t>
    <phoneticPr fontId="1"/>
  </si>
  <si>
    <t>・子供等の利用の際に吐水口まで手が届きやすいよう、高さ55cm程度、奥行き45㎝以内、洗面台の端部から吐水口まで30㎝以内の洗面器も設けることが望ましい</t>
    <phoneticPr fontId="1"/>
  </si>
  <si>
    <t>・１以上の洗面器には、杖使用者等が立位を保つことができるよう、手すりを設ける。
・手すりを設けた洗面器は、便所の出入口から最も近い位置に設ける。
・洗面器のうち1以上は、車椅子使用者の利用に配慮したものとする。
・洗面器下部に車椅子使用者の膝が入るスペースを確保する。</t>
    <phoneticPr fontId="1"/>
  </si>
  <si>
    <r>
      <t>・洗面器の脇には、杖や傘等を立てかけるくぼみ、又はフックを設けることが望ましい。
・鏡は洗面器にできる限り近い位置を下端とし、上端は洗面器から100㎝以上の高さとすることが望ましい。</t>
    </r>
    <r>
      <rPr>
        <b/>
        <sz val="8"/>
        <rFont val="ＭＳ ゴシック"/>
        <family val="3"/>
        <charset val="128"/>
      </rPr>
      <t>（2-120）</t>
    </r>
    <phoneticPr fontId="1"/>
  </si>
  <si>
    <r>
      <t>・男女が共用できる位置に設けた便所・便房の表示板等には、男女共用であることを、文字や図記号等により、わかりやすく示すことが望ましい。</t>
    </r>
    <r>
      <rPr>
        <b/>
        <sz val="8"/>
        <rFont val="ＭＳ ゴシック"/>
        <family val="3"/>
        <charset val="128"/>
      </rPr>
      <t xml:space="preserve">
</t>
    </r>
    <r>
      <rPr>
        <sz val="8"/>
        <rFont val="ＭＳ ゴシック"/>
        <family val="3"/>
        <charset val="128"/>
      </rPr>
      <t xml:space="preserve">・利用したい便房が当該階の便所にない場合や使用中の場合等に、他の便房へ行くことができるよう、他の階や場所にある個別機能を備えた便房等の位置を、便所の付近に案内表示することが望ましい。
</t>
    </r>
    <phoneticPr fontId="1"/>
  </si>
  <si>
    <r>
      <t>・便所内の混雑解消のため、ＩＣＴ技術を活用し、便房の混雑状況を表示すること等により、他の階等に設置された便所に利用者を誘導することとも有効である。</t>
    </r>
    <r>
      <rPr>
        <b/>
        <sz val="8"/>
        <rFont val="ＭＳ ゴシック"/>
        <family val="3"/>
        <charset val="128"/>
      </rPr>
      <t>（2-122）</t>
    </r>
    <phoneticPr fontId="1"/>
  </si>
  <si>
    <r>
      <t>不特定かつ多数の者が利用し、又は主として高齢者、障害者等が利用する便所を設ける場合には、そのうち一以上（男子用及び女子用の区別があるときは、それぞれ一以上）は、次に掲げるものでなければならない。
一　便所内に、車椅子を使用している者（以下「車椅子使用者」という。）が円滑に利用することができるものとして国土交通大臣が定める構造の便房（以下「車椅子使用者用便房」という。(※)）を一以上設けること。</t>
    </r>
    <r>
      <rPr>
        <b/>
        <sz val="8"/>
        <rFont val="ＭＳ ゴシック"/>
        <family val="3"/>
        <charset val="128"/>
      </rPr>
      <t>（第14条）</t>
    </r>
    <r>
      <rPr>
        <sz val="8"/>
        <rFont val="ＭＳ ゴシック"/>
        <family val="3"/>
        <charset val="128"/>
      </rPr>
      <t xml:space="preserve">
(※)
・腰掛便座、手すり等が適切に配置されていること</t>
    </r>
    <phoneticPr fontId="1"/>
  </si>
  <si>
    <t>・車椅子で接近できるよう、床置式便器の前面は、フットサポートが当たりにくく、トラップ突き出しの少ない形式等とする。</t>
    <phoneticPr fontId="1"/>
  </si>
  <si>
    <r>
      <t>・高齢者、障害者等の利用ニーズや施設用途、利用者の体格等を踏まえて、座面高さは適切に設定することが望ましい。</t>
    </r>
    <r>
      <rPr>
        <b/>
        <sz val="8"/>
        <rFont val="ＭＳ ゴシック"/>
        <family val="3"/>
        <charset val="128"/>
      </rPr>
      <t>（2-136）</t>
    </r>
    <phoneticPr fontId="1"/>
  </si>
  <si>
    <t>・腰掛便器からの立ち座りや車椅子から腰掛便器への移乗を容易にするために、手すりを設ける。</t>
    <phoneticPr fontId="1"/>
  </si>
  <si>
    <t>・腰掛便座の横の壁に手すりを設ける場合には、水平、垂直に取り付けることが望ましい。
・水平手すりは、腰掛便座の座面から20～25cm程度の高さに取り付ける等の配慮をする。
・手すりの設置により、便器洗浄ボタンや緊急通報ボタン、紙巻器等が利用しにくくならないよう注意する。
・弱視者（ロービジョン）や色覚多様性のある人等に配慮し、手すりは、手すりと壁との色の明度、色相又は彩度の差の確保に配慮して選定することが望ましい。</t>
    <phoneticPr fontId="1"/>
  </si>
  <si>
    <r>
      <t>・洗面器・手洗器の水栓金具は、レバー式、センサー式等の操作が容易なものとする</t>
    </r>
    <r>
      <rPr>
        <b/>
        <sz val="8"/>
        <rFont val="ＭＳ ゴシック"/>
        <family val="3"/>
        <charset val="128"/>
      </rPr>
      <t>（2-129）</t>
    </r>
    <phoneticPr fontId="1"/>
  </si>
  <si>
    <r>
      <t>・座位を保てない人の姿勢の安定に配慮し、便座には背もたれを適切に設ける。</t>
    </r>
    <r>
      <rPr>
        <b/>
        <sz val="8"/>
        <rFont val="ＭＳ ゴシック"/>
        <family val="3"/>
        <charset val="128"/>
      </rPr>
      <t>（2-137）</t>
    </r>
    <phoneticPr fontId="1"/>
  </si>
  <si>
    <t>・全身の映る鏡を設置すること。</t>
    <phoneticPr fontId="1"/>
  </si>
  <si>
    <t>出入口の有効幅員は、80cm以上とする。</t>
    <phoneticPr fontId="1"/>
  </si>
  <si>
    <t>床には段を設けない。</t>
    <phoneticPr fontId="1"/>
  </si>
  <si>
    <t>・ノンスリップ加工を施す等、濡れた状態でも滑りにくい仕上げ、材料を選択すること。</t>
    <phoneticPr fontId="1"/>
  </si>
  <si>
    <r>
      <t>（車椅子使用者用浴室）
・不特定多数の利用者が利用する浴室を設ける場合には、そのうち1以上（男子用及び女子用の区別があるときは、それぞれ1以上）に、車椅子使用者が円滑に利用できる浴室（以下「車椅子使用者用浴室」という。）を設けることが望ましい。
・公衆浴場、宿泊機能を有する建築物では、異性による介助に配慮し、男女が共用できる位置に、個室タイプの車椅子使用者用者も利用できる浴室（以下「貸し切り浴室」という。）を1以上設けることが望ましい。
・公衆浴場、宿泊機能を有する建築物の共同浴室では、共同浴室の一部に、車椅子使用者も利用できる洗い場・浴槽を設けることが望ましい。</t>
    </r>
    <r>
      <rPr>
        <b/>
        <sz val="8"/>
        <rFont val="ＭＳ ゴシック"/>
        <family val="3"/>
        <charset val="128"/>
      </rPr>
      <t>(2-194)</t>
    </r>
    <phoneticPr fontId="1"/>
  </si>
  <si>
    <r>
      <t>（車椅子使用者用シャワー室）
・不特定多数の利用者が利用するシャワー室を設ける場合には、そのうち1以上（男子用及び女子用の区別があるときは、それぞれ1以上）に、車椅子使用者が円滑に利用できるシャワー室（以下「車椅子使用者用シャワー室」という。）を設けることが望ましい。
・体育館や水泳場等のスポーツ施設等のシャワー室には、そのうち1以上（男子用及び女子用の区別があるときは、それぞれ1以上）に、車椅子使用者用シャワー室を設けることが望ましい。
・体育館や水泳場等のスポーツ施設等では、異性による介助に配慮し、男女が共用できる位置に、シャワー室を1以上設けることが望ましい。</t>
    </r>
    <r>
      <rPr>
        <b/>
        <sz val="8"/>
        <rFont val="ＭＳ ゴシック"/>
        <family val="3"/>
        <charset val="128"/>
      </rPr>
      <t>(2-197)</t>
    </r>
    <phoneticPr fontId="1"/>
  </si>
  <si>
    <t>・手すりは出入口から水洗器具まで連続して設けること。</t>
    <phoneticPr fontId="1"/>
  </si>
  <si>
    <t>その他</t>
    <rPh sb="2" eb="3">
      <t>タ</t>
    </rPh>
    <phoneticPr fontId="1"/>
  </si>
  <si>
    <r>
      <t>・床は濡れても滑りにくく、転倒時や床に座ったままで移動する場合にも体を傷つけにくい材料で仕上げる。</t>
    </r>
    <r>
      <rPr>
        <b/>
        <sz val="8"/>
        <rFont val="ＭＳ ゴシック"/>
        <family val="3"/>
        <charset val="128"/>
      </rPr>
      <t>(2-194)</t>
    </r>
    <phoneticPr fontId="1"/>
  </si>
  <si>
    <r>
      <t>出入口に戸を設ける場合、戸は、自動的に開閉する構造その他の車椅子使用者が容易に開閉して通過できる構造とし、かつ、その前後に高低差がないものとする。</t>
    </r>
    <r>
      <rPr>
        <b/>
        <sz val="8"/>
        <rFont val="ＭＳ ゴシック"/>
        <family val="3"/>
        <charset val="128"/>
      </rPr>
      <t>(2-194)</t>
    </r>
    <phoneticPr fontId="1"/>
  </si>
  <si>
    <t>・出入口から洗い場・浴槽までの通路及び洗い場には、車椅子使用者が円滑に利用することができるよう、十分な空間を確保する。</t>
    <phoneticPr fontId="1"/>
  </si>
  <si>
    <t>・車椅子使用者が360°回転できるよう、直径150㎝以上の円が内接できるスペースを設ける。（設備等の下部に車椅子のフットレストが通過できるスペースが
確保されていれば、その部分も有効スペースとする。）</t>
    <phoneticPr fontId="1"/>
  </si>
  <si>
    <t>・サーモスタット（自動温度調節器）付き混合水栓等、湯水の混合操作が容易なものとする。</t>
    <phoneticPr fontId="1"/>
  </si>
  <si>
    <t>・浴槽を設ける場合は、障害者等の円滑な利用に配慮した高さとすること。</t>
    <phoneticPr fontId="1"/>
  </si>
  <si>
    <t>・車いす使用者が浴槽に移動しやすいよう移乗用腰掛台等を設けるなど配慮する必要がある。</t>
    <phoneticPr fontId="1"/>
  </si>
  <si>
    <t>浴槽、シャワー、手すり等を適切に配置する。</t>
    <phoneticPr fontId="1"/>
  </si>
  <si>
    <r>
      <t>・浴室用車椅子､又はシャワーチェア等を備える。
・水栓金具は、レバー式等の操作のしやすいものとする。</t>
    </r>
    <r>
      <rPr>
        <b/>
        <sz val="8"/>
        <rFont val="ＭＳ ゴシック"/>
        <family val="3"/>
        <charset val="128"/>
      </rPr>
      <t>(2-194)</t>
    </r>
    <phoneticPr fontId="1"/>
  </si>
  <si>
    <t>・浴槽は濡れても滑りにくく、体を傷つけない材料で仕上げる。</t>
    <phoneticPr fontId="1"/>
  </si>
  <si>
    <t>（脱衣室・更衣室等）
・不特定多数の利用する脱衣室・更衣室のうち1以上（男子用及び女子用の区別があるときは、それぞれ1以上）には、車椅子使用者が円滑に利用できる脱衣・更衣等のスペースを設けることが望ましい。
・異性による介助に配慮し、男女が共用できる脱衣室・更衣室内に、車椅子使用者が円滑に利用できる脱衣室・更衣等のスペースを1以上設けることが望ましい。</t>
    <phoneticPr fontId="1"/>
  </si>
  <si>
    <t xml:space="preserve">・高齢者、障害者等が着替えの際に、横になる場合もあるため、1以上の脱衣のためのベンチを設ける。
</t>
    <phoneticPr fontId="1"/>
  </si>
  <si>
    <t xml:space="preserve">・脱衣のためのベンチには、上体が寄り掛かることのできるヘッドボードのあるものとすることが望ましい。
</t>
    <phoneticPr fontId="1"/>
  </si>
  <si>
    <t>・視覚障害者が、鍵のある収納やロッカーを使用する際には、脱衣室・更衣室に同行し、鍵の位置、使い方等について、実際に手で触れてもらいながら説明することが望ましい。
・更衣室の下足入れや収納棚は、視覚障害者が認知をしやすいように、点字表示等をすることが望ましい。</t>
    <phoneticPr fontId="1"/>
  </si>
  <si>
    <t>・浴槽の深さは50cm程度、エプロン高さは40～45㎝（車椅子の座面の高さ）程度とする。</t>
    <phoneticPr fontId="1"/>
  </si>
  <si>
    <r>
      <t>・原則としてハンドシャワーとする。</t>
    </r>
    <r>
      <rPr>
        <b/>
        <sz val="8"/>
        <rFont val="ＭＳ ゴシック"/>
        <family val="3"/>
        <charset val="128"/>
      </rPr>
      <t>(2-194)</t>
    </r>
    <phoneticPr fontId="1"/>
  </si>
  <si>
    <t>・出入口から洗い場や浴槽まで誘導するための手すりを設ける。</t>
    <phoneticPr fontId="1"/>
  </si>
  <si>
    <t>・戸は、自動的に開閉する構造その他の車椅子使用者が容易に開閉して通過できる構造とし、かつ、その前後に高低差がないものとする。</t>
    <phoneticPr fontId="1"/>
  </si>
  <si>
    <t>・戸の開閉動作は、開き戸より引き戸の方が開閉しやすい。</t>
    <phoneticPr fontId="1"/>
  </si>
  <si>
    <t>・視覚障害者や聴覚障害者に配慮した構造の電話機、又はファクシミリ等を設置すること。
・非常呼び出しボタン、フラッシュベルなどの緊急通報装置を室内に設けること。</t>
    <phoneticPr fontId="1"/>
  </si>
  <si>
    <t>・ホテル又は旅館には、客室の総数が200以下の場合は当該客室の総数に50分の1を乗じて得た数以上、客室の総数が200を超える場合は当該客室の総数に100分の1を乗じて得た数に２を加えた数以上の車いす使用者用客室を設けること。</t>
    <phoneticPr fontId="1"/>
  </si>
  <si>
    <t xml:space="preserve">（手動式引き戸）
・取っ手は、握りやすい形状（棒状のもの等）とする。
</t>
  </si>
  <si>
    <t xml:space="preserve">
・自閉式上吊り引き戸（ストッパー若しくは一時停止装置又は自動閉鎖時間の調整機能を持ち、閉まり際で減速するもの）で、容易に開閉できるものとすることが望ましい。</t>
  </si>
  <si>
    <t>・ドアノックをフラッシュベルに変える装置を設置すること。</t>
    <phoneticPr fontId="1"/>
  </si>
  <si>
    <t>・客室の床は、滑りにくい材料で仕上げる。</t>
    <phoneticPr fontId="1"/>
  </si>
  <si>
    <t>・ベッド高さは、マットレス上面で45～50㎝程度とする。</t>
    <phoneticPr fontId="1"/>
  </si>
  <si>
    <t xml:space="preserve">
・シャワー室・洗い場付き浴室の場合には、シャワーホースの長さは150cm以上とすることが望ましい。</t>
    <phoneticPr fontId="1"/>
  </si>
  <si>
    <t>留意点：
・一般的なシャワーヘッド取り付け用のバーは、安全性の観点から縦手すりと兼用することができない。
・そのため縦手すりとシャワーヘッド取り付け用のバーと兼ねる場合には、縦手すりとしての強度を保つため、予め壁の内部に下地をつくる必要があり、安全性を確認した上でスライドするシャワーフックの金物を設置する必要がある。</t>
    <phoneticPr fontId="1"/>
  </si>
  <si>
    <t>・洗い場の水栓金具の取り付け高さは、入浴用椅子等から手が届く位置とし、浴槽の水栓金具の取り付け高さは浴槽に座った状態で操作可能な位置とする。
・水栓金具は、レバー式等の操作のしやすいものとする。</t>
    <phoneticPr fontId="1"/>
  </si>
  <si>
    <t xml:space="preserve">・インターホン（室内機）、戸の施錠・解錠装置（カード式含む）、スイッチ、コンセント類は、車椅子使用者の利用に適した位置、高さに設ける。
</t>
    <phoneticPr fontId="1"/>
  </si>
  <si>
    <t>・温水洗浄便座を設置すること。</t>
    <phoneticPr fontId="1"/>
  </si>
  <si>
    <t>イ段を設けないこと。ただし、２の項に定める構造の傾斜路又はエレベーター等を設ける場合は、この限りではない。</t>
    <phoneticPr fontId="1"/>
  </si>
  <si>
    <t>ウ車いす使用者用客席に至る通路は、５の項(2)アからウに定める構造とすること。
ア有効幅員は120cm以上とすること。
ウ端部は、車いすの回転に支障のない構造とし。かう、50ｍ以内ごとに車いすの回転に支障がない場所を設けること。</t>
    <rPh sb="42" eb="44">
      <t>ユウコウ</t>
    </rPh>
    <rPh sb="44" eb="46">
      <t>フクイン</t>
    </rPh>
    <rPh sb="52" eb="54">
      <t>イジョウ</t>
    </rPh>
    <rPh sb="62" eb="64">
      <t>タンブ</t>
    </rPh>
    <rPh sb="66" eb="67">
      <t>クルマ</t>
    </rPh>
    <rPh sb="70" eb="72">
      <t>カイテン</t>
    </rPh>
    <rPh sb="73" eb="75">
      <t>シショウ</t>
    </rPh>
    <rPh sb="78" eb="80">
      <t>コウゾウ</t>
    </rPh>
    <rPh sb="89" eb="91">
      <t>イナイ</t>
    </rPh>
    <rPh sb="94" eb="95">
      <t>クルマ</t>
    </rPh>
    <rPh sb="98" eb="100">
      <t>カイテン</t>
    </rPh>
    <rPh sb="101" eb="103">
      <t>シショウ</t>
    </rPh>
    <rPh sb="106" eb="108">
      <t>バショ</t>
    </rPh>
    <rPh sb="109" eb="110">
      <t>モウ</t>
    </rPh>
    <phoneticPr fontId="1"/>
  </si>
  <si>
    <t xml:space="preserve">・客席・観覧席の出入口から車椅子使用者用客席・観覧席へ至る客席内の通路の有効幅員は、120cm以上とし、区間50ｍ以内ごとに140cm角以上の転回スペースを設ける。
</t>
    <phoneticPr fontId="1"/>
  </si>
  <si>
    <t>区画された客席・観覧室</t>
    <phoneticPr fontId="1"/>
  </si>
  <si>
    <r>
      <t>・客席・観覧席の出入口から車椅子使用者用客席・観覧席までの通路に高低差がある場合は、傾斜路又はその他の昇降機（段差解消機）を設ける。</t>
    </r>
    <r>
      <rPr>
        <b/>
        <sz val="8"/>
        <rFont val="ＭＳ ゴシック"/>
        <family val="3"/>
        <charset val="128"/>
      </rPr>
      <t>（2-206）</t>
    </r>
    <phoneticPr fontId="1"/>
  </si>
  <si>
    <t>・舞台に上がる経路には、転落防止措置を講ずること。</t>
    <phoneticPr fontId="1"/>
  </si>
  <si>
    <t>・障害者等が容易に舞台に上がれるよう、傾斜路や昇降機の設置等により経路を確保すること。</t>
    <phoneticPr fontId="1"/>
  </si>
  <si>
    <t xml:space="preserve">・車椅子使用者用客席・観覧席の数（可動席スペースを含む。）は、施設内容や規模に応じ、客席・観覧席総数の0.5～1%以上とする。
</t>
    <phoneticPr fontId="1"/>
  </si>
  <si>
    <r>
      <t>車椅子使用者用客席・観覧席の間口は車椅子1台につき90㎝以上とし、奥行きは120㎝以上とする。</t>
    </r>
    <r>
      <rPr>
        <b/>
        <sz val="8"/>
        <rFont val="ＭＳ ゴシック"/>
        <family val="3"/>
        <charset val="128"/>
      </rPr>
      <t>（2-204）</t>
    </r>
    <phoneticPr fontId="1"/>
  </si>
  <si>
    <r>
      <t>通常の車椅子よりも大きなリクライニング式の車椅子等の使用者にも対応するため、奥行き140cm以上の車椅子使用者用客席・観覧席も設けることが望ましい。</t>
    </r>
    <r>
      <rPr>
        <b/>
        <sz val="8"/>
        <rFont val="ＭＳ ゴシック"/>
        <family val="3"/>
        <charset val="128"/>
      </rPr>
      <t>（2-204）</t>
    </r>
    <phoneticPr fontId="1"/>
  </si>
  <si>
    <t>・開閉動作から見ると、引き戸の方が開き戸より使いやすく、また自動式の方が手動式より使いやすい。</t>
    <phoneticPr fontId="1"/>
  </si>
  <si>
    <t>・店舗の出入口や店舗内部の主要な経路に戸を設ける場合には、自動的に開閉する構造その他の車椅子使用者が容易に開閉して通過できる構造とし、かつ、その前後に高低差がないものとする。</t>
    <phoneticPr fontId="1"/>
  </si>
  <si>
    <t>・物販店舗等の出入口の戸は、買い物袋と杖・白杖等を両手に持った高齢者、障害者等の利用にも配慮し、自動式引き戸とすることが望ましい。</t>
    <phoneticPr fontId="1"/>
  </si>
  <si>
    <t>・主要な経路上の通路には、25ｍ以内ごとに車椅子の転回に支障がない場所を設ける。
・25m以内ごとに設ける車椅子の転回に支障がない場所は、原則として140cm角以上とする。</t>
    <phoneticPr fontId="1"/>
  </si>
  <si>
    <t>有効幅員</t>
    <rPh sb="0" eb="2">
      <t>ユウコウ</t>
    </rPh>
    <rPh sb="2" eb="4">
      <t>フクイン</t>
    </rPh>
    <phoneticPr fontId="1"/>
  </si>
  <si>
    <t>・標識は、障害者等の見やすい位置に設けること。</t>
    <phoneticPr fontId="1"/>
  </si>
  <si>
    <r>
      <t>移動等円滑化の措置がとられたエレベーターその他の昇降機、便所又は駐車施設の付近には、国土交通省令で定めるところ(※)により、それぞれ、当該エレベーターその他の昇降機、便所又は駐車施設があることを表示する標識を設けなければならない。</t>
    </r>
    <r>
      <rPr>
        <b/>
        <sz val="8"/>
        <rFont val="ＭＳ ゴシック"/>
        <family val="3"/>
        <charset val="128"/>
      </rPr>
      <t xml:space="preserve">（第19条）
</t>
    </r>
    <phoneticPr fontId="1"/>
  </si>
  <si>
    <t xml:space="preserve">・表示板は、高齢者、障害者等の見やすい位置に設ける。
</t>
    <phoneticPr fontId="1"/>
  </si>
  <si>
    <t xml:space="preserve">・建築物又はその敷地には、建築物又はその敷地内のエレベーターその他の昇降機又は便所の配置を点字、文字の浮き彫り、音による案内、その他これらに類する方法により視覚障害者に示すための設備を設ける。（案内所を設ける場合を除く。）
</t>
    <phoneticPr fontId="1"/>
  </si>
  <si>
    <t>(3) 明度差等の確保</t>
    <phoneticPr fontId="1"/>
  </si>
  <si>
    <t>前２項に定める標識及び案内板その他の設備の設置にあたっては、その表記内容について、色の識別をしにくい者が円滑に利用できるように、見分けやすい色の組み合わせを用いて表示要素ごとの明度、色相、及び彩度の差を確保するよう配慮すること。</t>
    <phoneticPr fontId="1"/>
  </si>
  <si>
    <t>・「表記内容について色の識別をしにくい者が円滑に利用できるように、見分けやすい色の組み合わせを用いて」とは、標識や案内板において、障害者等が円滑に利用できるエレベーターその他の昇降機、便所又は駐車場があることを示す文字や図記号、区画表示等が、背景色と対比して視認しやすいものであることをいう。</t>
    <phoneticPr fontId="1"/>
  </si>
  <si>
    <t>・水飲み器の高さは、70～80㎝程度とすることが望ましい。
・水飲み器の下部に車椅子使用者の膝が入るスペースを確保することが望ましい。
・水栓金具は、光電管式、ボタン式又はレバー式とし、足踏み式のものは手動式のものを併設することが望ましい。
・セルフサービスの給水器等の設置台の高さは、床から70～75㎝程度、コップ等の高さは床から85～95㎝程度とすることが望ましい。
・セルフサービスの給水器等の設置台の下部スペースの奥行きは、45㎝程度とすることが望ましい。
・セルフサービスの給水器では、押しボタン等は、視覚障害者にわかりやすい色や形とすることが望ましい。</t>
    <phoneticPr fontId="1"/>
  </si>
  <si>
    <t>・授乳のための椅子は､授乳の体勢が安定するよう、ひじ掛け､背もたれがついたものであることが望ましい。</t>
    <phoneticPr fontId="1"/>
  </si>
  <si>
    <t>・授乳のためのスペースには、乳幼児用おむつ交換台等を適切に設ける。</t>
    <phoneticPr fontId="1"/>
  </si>
  <si>
    <t>・授乳のためのスペースには、授乳のための椅子を設ける。</t>
    <phoneticPr fontId="1"/>
  </si>
  <si>
    <t xml:space="preserve">・公共的施設においては、15の項に定める設備を設けること。
</t>
    <phoneticPr fontId="1"/>
  </si>
  <si>
    <t>・会議等では、点字資料や録音テープ等を用意すること。</t>
    <phoneticPr fontId="1"/>
  </si>
  <si>
    <t>(視覚障害者誘導用ブロックの構造)
・形状については、JISＴ9251によるものを使用する。</t>
    <phoneticPr fontId="1"/>
  </si>
  <si>
    <t>・十分な強度を有し、滑りにくく、耐久性、耐摩耗性に優れたものとすること。</t>
    <phoneticPr fontId="1"/>
  </si>
  <si>
    <t>・色は、黄色を原則とすること。ただし、周辺の床材との対比を考慮して、明度差あるいは輝度比などが十分に確保できず、かつ安全で連続的な道すじを明示できない場合は、この限りではない。</t>
    <phoneticPr fontId="1"/>
  </si>
  <si>
    <t xml:space="preserve">・視覚障害者誘導用ブロック等は、JIS T 9251（視覚障害者誘導用ブロック等の突起の形状・寸法及びその配列）による突起の形状・寸法及び配列のものとする。
</t>
    <phoneticPr fontId="1"/>
  </si>
  <si>
    <r>
      <t>・視覚障害者誘導用ブロック等の色は、黄色を原則とする。
・視覚障害者誘導用ブロック等に黄色を選択した場合でも、白や薄いグレーの床に敷設すると、弱視者（ロービジョン）等には見えにくい。これらの色を組み合わる場合には、色が際立つように縁取りを設ける等の配慮が考えられる。</t>
    </r>
    <r>
      <rPr>
        <b/>
        <sz val="8"/>
        <rFont val="ＭＳ ゴシック"/>
        <family val="3"/>
        <charset val="128"/>
      </rPr>
      <t>（2-267）</t>
    </r>
    <phoneticPr fontId="1"/>
  </si>
  <si>
    <r>
      <t>・視覚障害者誘導用ブロック等を容易に識別できるよう、視覚障害者誘導用ブロック等とその周囲の部分（床仕上げ材料）の輝度比を確保することが望ましい。</t>
    </r>
    <r>
      <rPr>
        <b/>
        <sz val="8"/>
        <rFont val="ＭＳ ゴシック"/>
        <family val="3"/>
        <charset val="128"/>
      </rPr>
      <t>（2-267）</t>
    </r>
    <r>
      <rPr>
        <sz val="8"/>
        <rFont val="ＭＳ ゴシック"/>
        <family val="3"/>
        <charset val="128"/>
      </rPr>
      <t xml:space="preserve">
・弱視者（ロービジョン）等が識別しやすいよう、視覚障害者誘導用ブロック等と周囲の床の仕上げは、輝度比を少なくともを2.0以上確保することが望ましい。
・場所により視覚障害者誘導用ブロック等の色が異なると利用者が混乱するためなるべく統一する。特に敷地境界部分等で、道路と敷地の管理区分により色や材質が異ならないように配慮する。</t>
    </r>
    <r>
      <rPr>
        <b/>
        <sz val="8"/>
        <rFont val="ＭＳ ゴシック"/>
        <family val="3"/>
        <charset val="128"/>
      </rPr>
      <t>（2-269）</t>
    </r>
    <phoneticPr fontId="1"/>
  </si>
  <si>
    <t>・音声等による誘導設備は、施設用途や規模等を考慮した上で、また必要に応じて設けることが望ましい。</t>
    <phoneticPr fontId="1"/>
  </si>
  <si>
    <r>
      <t>・音声等による誘導設備を設ける場合には、戸の直上に設けることが望ましい
・音声等による誘導を行う場合、単純な音とし、同一建築物内においては統一することが望ましい
・音声等による誘導設備は、音声がはっきりと聴き取れ、音声の発生場所が把握できるような指向性能を持つものが望ましい。</t>
    </r>
    <r>
      <rPr>
        <b/>
        <sz val="8"/>
        <rFont val="ＭＳ ゴシック"/>
        <family val="3"/>
        <charset val="128"/>
      </rPr>
      <t>（2-273）</t>
    </r>
    <phoneticPr fontId="1"/>
  </si>
  <si>
    <t>(音声誘導設備)
・視覚障害者が利用することの多い施設の出入口の１以上には音声誘導装置を設けること。</t>
    <rPh sb="1" eb="3">
      <t>オンセイ</t>
    </rPh>
    <rPh sb="3" eb="5">
      <t>ユウドウ</t>
    </rPh>
    <rPh sb="5" eb="7">
      <t>セツビ</t>
    </rPh>
    <phoneticPr fontId="1"/>
  </si>
  <si>
    <r>
      <t>・段がある部分の上端に近接する踊場における点状ブロック等の敷設位置を、段鼻の直前とすると踏み外す危険があるため、30cm程度の余幅を取っておくことが必要である。</t>
    </r>
    <r>
      <rPr>
        <b/>
        <sz val="8"/>
        <rFont val="ＭＳ ゴシック"/>
        <family val="3"/>
        <charset val="128"/>
      </rPr>
      <t>（2-271）</t>
    </r>
    <phoneticPr fontId="1"/>
  </si>
  <si>
    <r>
      <t>・視覚障害者に対し警告を行うため、階段の段がある部分の上端に近接する踊場の部分には、点状ブロック等を敷設する。
例外＞
(1)自動車車庫に設けるものである場合
(2)段がある部分と連続して手すりを設けるものである場合</t>
    </r>
    <r>
      <rPr>
        <b/>
        <sz val="8"/>
        <rFont val="ＭＳ ゴシック"/>
        <family val="3"/>
        <charset val="128"/>
      </rPr>
      <t>（2-271）</t>
    </r>
    <rPh sb="56" eb="58">
      <t>レイガイ</t>
    </rPh>
    <phoneticPr fontId="1"/>
  </si>
  <si>
    <t>・手すりの点字及び墨字（文字情報）表示の内容は以下による。
(1)階段の手すりの端部：現在の階及び行き先の階等
(2)傾斜路の手すりの端部：現在の位置及び行き先の
情報（●●室）等
(3)屋内の通路の曲がり角部分の手すり：現在の位置
及び行き先の情報（●●室）等
(4)利用居室等の出入口付近の手すりの端部：利用居
室等の名称（●●室）等</t>
    <phoneticPr fontId="1"/>
  </si>
  <si>
    <r>
      <t>ニ　高さが16センチメートルを超え、かつ、勾配が20の１を超える傾斜がある部分には、両側に手すりを設けること。</t>
    </r>
    <r>
      <rPr>
        <b/>
        <sz val="8"/>
        <rFont val="ＭＳ ゴシック"/>
        <family val="3"/>
        <charset val="128"/>
      </rPr>
      <t>(第11条)　</t>
    </r>
    <phoneticPr fontId="1"/>
  </si>
  <si>
    <t>イ　幅は、80センチメートル以上とすること。</t>
    <rPh sb="2" eb="3">
      <t>ハバ</t>
    </rPh>
    <rPh sb="14" eb="16">
      <t>イジョウ</t>
    </rPh>
    <phoneticPr fontId="1"/>
  </si>
  <si>
    <r>
      <t>主要な経路上の傾斜路の幅は、階段に代わるものにあっては120cm以上、階段に併設するものにあっては90cm以上とする</t>
    </r>
    <r>
      <rPr>
        <b/>
        <sz val="8"/>
        <rFont val="ＭＳ ゴシック"/>
        <family val="3"/>
        <charset val="128"/>
      </rPr>
      <t>(2-83)</t>
    </r>
    <rPh sb="0" eb="2">
      <t>シュヨウ</t>
    </rPh>
    <rPh sb="3" eb="5">
      <t>ケイロ</t>
    </rPh>
    <rPh sb="5" eb="6">
      <t>ジョウ</t>
    </rPh>
    <rPh sb="7" eb="9">
      <t>ケイシャ</t>
    </rPh>
    <rPh sb="9" eb="10">
      <t>ロ</t>
    </rPh>
    <phoneticPr fontId="1"/>
  </si>
  <si>
    <r>
      <t>傾斜路の幅は、階段に代わるものにあっては150cm以上、階段に併設するものにあっては120cm以上とすることが望ましい</t>
    </r>
    <r>
      <rPr>
        <b/>
        <sz val="8"/>
        <rFont val="ＭＳ ゴシック"/>
        <family val="3"/>
        <charset val="128"/>
      </rPr>
      <t>(2-83)</t>
    </r>
    <rPh sb="55" eb="56">
      <t>ノゾ</t>
    </rPh>
    <phoneticPr fontId="1"/>
  </si>
  <si>
    <t>縦断こう配は、12分の１を超えないこと。ただし、高低差が16センチメートル以下の場合は、８分の１を超えないこと。</t>
    <phoneticPr fontId="1"/>
  </si>
  <si>
    <r>
      <t>主要な経路上の傾斜路のこう配は、12分の１を超えないものとする。（高さが16cm以下のものにあっては、８分の１を超えないものとすることができる。）</t>
    </r>
    <r>
      <rPr>
        <b/>
        <sz val="8"/>
        <rFont val="ＭＳ ゴシック"/>
        <family val="3"/>
        <charset val="128"/>
      </rPr>
      <t>(2-83)</t>
    </r>
    <rPh sb="40" eb="42">
      <t>イカ</t>
    </rPh>
    <phoneticPr fontId="1"/>
  </si>
  <si>
    <t>主要な経路上の傾斜路で､高さが75cmを超えるものでは、高さ75cm以内ごとに踏幅が150cm以上の踊場を設ける。</t>
    <phoneticPr fontId="1"/>
  </si>
  <si>
    <t>主要な経路以外でも、傾斜路の高さが75cmを超えるものでは、高さ75cm以内ごとに踏幅が150cm以上の踊場を設けることが望ましい。（車椅子使用者用駐車施設が設けられていない駐車場・階段等のみに通ずる傾斜路は除く。ただし勾配が1/12を超える傾斜がある部分には、両側に手すりを設ける。）</t>
    <rPh sb="104" eb="105">
      <t>ノゾ</t>
    </rPh>
    <phoneticPr fontId="1"/>
  </si>
  <si>
    <t>・奥行きについては施設用途に応じて、小型車から車椅子用リフト付福祉車両、バス仕様の奥行きについて
検討することが望ましい。</t>
    <phoneticPr fontId="1"/>
  </si>
  <si>
    <t>・車椅子用リフト付福祉車両等、車椅子使用者送迎用の自動車の利用も想定した乗降スペースを確保する。特に後部ドア側のスペース確保が必要となる。</t>
    <phoneticPr fontId="1"/>
  </si>
  <si>
    <t>・幅は、350cm以上とする。</t>
    <phoneticPr fontId="1"/>
  </si>
  <si>
    <r>
      <t>床の表面は、濡れても滑りにくい材料で仕上げる</t>
    </r>
    <r>
      <rPr>
        <b/>
        <sz val="8"/>
        <rFont val="ＭＳ ゴシック"/>
        <family val="3"/>
        <charset val="128"/>
      </rPr>
      <t>（2-75）</t>
    </r>
    <rPh sb="0" eb="1">
      <t>ユカ</t>
    </rPh>
    <rPh sb="2" eb="4">
      <t>ヒョウメン</t>
    </rPh>
    <rPh sb="6" eb="7">
      <t>ヌ</t>
    </rPh>
    <rPh sb="10" eb="11">
      <t>スベ</t>
    </rPh>
    <rPh sb="15" eb="17">
      <t>ザイリョウ</t>
    </rPh>
    <rPh sb="18" eb="20">
      <t>シア</t>
    </rPh>
    <phoneticPr fontId="1"/>
  </si>
  <si>
    <t>・50ｍ以内ごとに設ける車椅子の転回に支障がない場所は、原則として140㎝角以上とする。</t>
    <phoneticPr fontId="1"/>
  </si>
  <si>
    <t>・廊下の幅は、180cm以上とすることが望ましい。50m以内ごとに車椅子のすれ違いに支障がない場所を設ける場合にあっては、140cm以上とすることが望ましい。</t>
    <phoneticPr fontId="1"/>
  </si>
  <si>
    <t>・おむつ交換台の近くには、調乳のための流し台設備等とは別に、手洗い器を設けることが望ましい。</t>
    <phoneticPr fontId="1"/>
  </si>
  <si>
    <r>
      <t>イ　幅は、140センチメートル以上とすること。</t>
    </r>
    <r>
      <rPr>
        <sz val="8"/>
        <color rgb="FFFF0000"/>
        <rFont val="ＭＳ ゴシック"/>
        <family val="3"/>
        <charset val="128"/>
      </rPr>
      <t>ただし、手すりが設けられた場合にあっては、手すりの幅が10センチメートルを限度として、ないものとみなして算定することができる。</t>
    </r>
    <phoneticPr fontId="1"/>
  </si>
  <si>
    <r>
      <rPr>
        <u/>
        <sz val="8"/>
        <color rgb="FFFF0000"/>
        <rFont val="ＭＳ ゴシック"/>
        <family val="3"/>
        <charset val="128"/>
      </rPr>
      <t>多数の者</t>
    </r>
    <r>
      <rPr>
        <sz val="8"/>
        <color rgb="FFFF0000"/>
        <rFont val="ＭＳ ゴシック"/>
        <family val="3"/>
        <charset val="128"/>
      </rPr>
      <t>が</t>
    </r>
    <r>
      <rPr>
        <sz val="8"/>
        <rFont val="ＭＳ ゴシック"/>
        <family val="3"/>
        <charset val="128"/>
      </rPr>
      <t>利用する敷地内の通路は、次に掲げるものでなければならない。</t>
    </r>
    <r>
      <rPr>
        <b/>
        <sz val="8"/>
        <rFont val="ＭＳ ゴシック"/>
        <family val="3"/>
        <charset val="128"/>
      </rPr>
      <t>(第11条)　</t>
    </r>
    <phoneticPr fontId="1"/>
  </si>
  <si>
    <r>
      <t>ロ　勾配は、15分の１を超えないこと。
ニ　高さが16センチメートルを超え、かつ、勾配が20の１を超える傾斜がある部分には、両側に手すりを設けること。</t>
    </r>
    <r>
      <rPr>
        <b/>
        <sz val="8"/>
        <color rgb="FFFF0000"/>
        <rFont val="ＭＳ ゴシック"/>
        <family val="3"/>
        <charset val="128"/>
      </rPr>
      <t>(第11条)　</t>
    </r>
    <phoneticPr fontId="1"/>
  </si>
  <si>
    <t>赤字；</t>
    <rPh sb="0" eb="2">
      <t>アカジ</t>
    </rPh>
    <phoneticPr fontId="1"/>
  </si>
  <si>
    <t>県の「望ましい水準」以上</t>
    <phoneticPr fontId="1"/>
  </si>
  <si>
    <t>県独自基準</t>
    <rPh sb="0" eb="1">
      <t>ケン</t>
    </rPh>
    <rPh sb="1" eb="3">
      <t>ドクジ</t>
    </rPh>
    <rPh sb="3" eb="5">
      <t>キジュン</t>
    </rPh>
    <phoneticPr fontId="1"/>
  </si>
  <si>
    <r>
      <t>・手すりは肌触りがよく、耐食性、耐久性があり、維持管理の容易なものとする。
・階段、傾斜路等の手すりは、体重をかけた時に滑りにくいものとする。
・金属製の手すりは、冬期には冷たくなるため、高齢者や視覚障害者、肢体不自由者等、手すりを頼りに移動する者にとって支障となるため、気温が低い場合でも冷たさを感じにくい材質とする。</t>
    </r>
    <r>
      <rPr>
        <b/>
        <sz val="8"/>
        <color rgb="FFFF0000"/>
        <rFont val="ＭＳ ゴシック"/>
        <family val="3"/>
        <charset val="128"/>
      </rPr>
      <t>(2-239)</t>
    </r>
    <phoneticPr fontId="1"/>
  </si>
  <si>
    <r>
      <t>・壁との間隔は、4～5㎝程度とし、手すりの支持は、下側で行うことが望ましい。
・手すりが取り付く部分の壁の仕上げは、なめらかなものとすることが望ましい。
・弱視者（ロービジョン）や色覚多様性のある人の視認性や、高齢者のわかりやすさを確保するため、手すりや壁の仕上げ材料は、手すりと壁の色の明度、色相又は彩度の差の確保に配慮して選定することが望ましい。</t>
    </r>
    <r>
      <rPr>
        <b/>
        <sz val="8"/>
        <color rgb="FFFF0000"/>
        <rFont val="ＭＳ ゴシック"/>
        <family val="3"/>
        <charset val="128"/>
      </rPr>
      <t>（2-238）</t>
    </r>
    <phoneticPr fontId="1"/>
  </si>
  <si>
    <r>
      <t>・途中で途切れないよう、段から連続して踊場にも手すりを設けることが望ましい。
・手すりは、段の上端では水平に45㎝以上、下端では斜めの部分を含めて段鼻から45㎝以上、延長することが望ましい。</t>
    </r>
    <r>
      <rPr>
        <b/>
        <sz val="8"/>
        <color rgb="FFFF0000"/>
        <rFont val="ＭＳ ゴシック"/>
        <family val="3"/>
        <charset val="128"/>
      </rPr>
      <t>（2-50）</t>
    </r>
    <phoneticPr fontId="1"/>
  </si>
  <si>
    <r>
      <t>・途中で途切れないよう、傾斜路から連続して踊場にも手すりを設けることが望ましい。
・傾斜路の上端・下端では、手すりを水平に45㎝以上、延長することが望ましい。
・手すりは、耐久性のある材料とする。</t>
    </r>
    <r>
      <rPr>
        <b/>
        <sz val="8"/>
        <color rgb="FFFF0000"/>
        <rFont val="ＭＳ ゴシック"/>
        <family val="3"/>
        <charset val="128"/>
      </rPr>
      <t>（2-50）</t>
    </r>
    <phoneticPr fontId="1"/>
  </si>
  <si>
    <r>
      <t>・壁との間隔は、4～5㎝程度とし、手すりの支持は、下側で行うことが望ましい。
・手すりが取り付く部分の壁の仕上げは、なめらかなものとすることが望ましい。
・弱視者（ロービジョン）や色覚多様性のある人の視認性や、高齢者のわかりやすさを確保するため、手すりや壁の仕上げ材料は、手すりと壁の色の明度、色相又は彩度の差の確保に配慮して選定することが望ましい。</t>
    </r>
    <r>
      <rPr>
        <b/>
        <sz val="8"/>
        <color rgb="FFFF0000"/>
        <rFont val="ＭＳ ゴシック"/>
        <family val="3"/>
        <charset val="128"/>
      </rPr>
      <t>（2-238）</t>
    </r>
    <phoneticPr fontId="1"/>
  </si>
  <si>
    <r>
      <t>・手すりは肌触りがよく、耐食性、耐久性があり、維持管理の容易なものとする。
・階段、傾斜路等の手すりは、体重をかけた時に滑りにくいものとする。
・金属製の手すりは、冬期には冷たくなるため、高齢者や視覚障害者、肢体不自由者等、手すりを頼りに移動する者にとって支障となるため、気温が低い場合でも冷たさを感じにくい材質とする。</t>
    </r>
    <r>
      <rPr>
        <b/>
        <sz val="8"/>
        <color rgb="FFFF0000"/>
        <rFont val="ＭＳ ゴシック"/>
        <family val="3"/>
        <charset val="128"/>
      </rPr>
      <t>（2-239）</t>
    </r>
    <phoneticPr fontId="1"/>
  </si>
  <si>
    <r>
      <t>高齢者、障害者等の安全の確保を図るため、原則として歩行者と車の動線を分離する。</t>
    </r>
    <r>
      <rPr>
        <b/>
        <sz val="8"/>
        <color rgb="FFFF0000"/>
        <rFont val="ＭＳ ゴシック"/>
        <family val="3"/>
        <charset val="128"/>
      </rPr>
      <t>（2-46）</t>
    </r>
    <phoneticPr fontId="1"/>
  </si>
  <si>
    <r>
      <t>一　段がある部分及び傾斜路を除き、幅は、180センチメートル以上とすること。</t>
    </r>
    <r>
      <rPr>
        <b/>
        <sz val="8"/>
        <rFont val="ＭＳ ゴシック"/>
        <family val="3"/>
        <charset val="128"/>
      </rPr>
      <t xml:space="preserve">(第11条)　
</t>
    </r>
    <r>
      <rPr>
        <u/>
        <sz val="8"/>
        <rFont val="ＭＳ ゴシック"/>
        <family val="3"/>
        <charset val="128"/>
      </rPr>
      <t>※　敷地内の通路（道等から直接地上へ通ずる出入口までの経路を構成するものに限る。）が地形の特殊性から規定によることが困難な場合は、建築物の車寄せから直接地上へ通ずる出入口までの敷地内の通路の部分に限る</t>
    </r>
    <r>
      <rPr>
        <b/>
        <u/>
        <sz val="8"/>
        <rFont val="ＭＳ ゴシック"/>
        <family val="3"/>
        <charset val="128"/>
      </rPr>
      <t xml:space="preserve">（第11条第２項）
</t>
    </r>
    <r>
      <rPr>
        <u/>
        <sz val="8"/>
        <rFont val="ＭＳ ゴシック"/>
        <family val="3"/>
        <charset val="128"/>
      </rPr>
      <t>※車椅子使用者の利用上支障がないものとして国土交通大臣が定める敷地内の通路（車いす使用者用駐車施設が設けられていない駐車場、段等のみに通ずる敷地内の通路）の部分には、適用しない。この場合において、勾配が12分の１を超える傾斜がある部分には、両側に手すりを設けなければならない。</t>
    </r>
    <r>
      <rPr>
        <b/>
        <u/>
        <sz val="8"/>
        <rFont val="ＭＳ ゴシック"/>
        <family val="3"/>
        <charset val="128"/>
      </rPr>
      <t>（第11条第３項）</t>
    </r>
    <rPh sb="148" eb="149">
      <t>ダイ</t>
    </rPh>
    <rPh sb="151" eb="152">
      <t>ジョウ</t>
    </rPh>
    <rPh sb="152" eb="153">
      <t>ダイ</t>
    </rPh>
    <rPh sb="154" eb="155">
      <t>コウ</t>
    </rPh>
    <rPh sb="235" eb="237">
      <t>ブブン</t>
    </rPh>
    <phoneticPr fontId="1"/>
  </si>
  <si>
    <r>
      <t>ハ　高さが75センチメートルを超えるもの（勾配が20の１を超えるものに限る。）にあっては、高さ75センチメートル以内ごとに踏幅が150センチメートル以上の踊場を設けること。</t>
    </r>
    <r>
      <rPr>
        <b/>
        <sz val="8"/>
        <rFont val="ＭＳ ゴシック"/>
        <family val="3"/>
        <charset val="128"/>
      </rPr>
      <t xml:space="preserve">(第11条)　
</t>
    </r>
    <r>
      <rPr>
        <sz val="8"/>
        <rFont val="ＭＳ ゴシック"/>
        <family val="3"/>
        <charset val="128"/>
      </rPr>
      <t xml:space="preserve">
</t>
    </r>
    <r>
      <rPr>
        <u/>
        <sz val="8"/>
        <rFont val="ＭＳ ゴシック"/>
        <family val="3"/>
        <charset val="128"/>
      </rPr>
      <t>※イ～ハ
　敷地内の通路（道等から直接地上へ通ずる出入口までの経路を構成するものに限る。）が地形の特殊性から規定によることが困難な場合は、建築物の車寄せから直接地上へ通ずる出入口までの敷地内の通路の部分に限る</t>
    </r>
    <r>
      <rPr>
        <b/>
        <u/>
        <sz val="8"/>
        <rFont val="ＭＳ ゴシック"/>
        <family val="3"/>
        <charset val="128"/>
      </rPr>
      <t xml:space="preserve">（第11条第２項）
</t>
    </r>
    <r>
      <rPr>
        <u/>
        <sz val="8"/>
        <rFont val="ＭＳ ゴシック"/>
        <family val="3"/>
        <charset val="128"/>
      </rPr>
      <t>※イ～ハ</t>
    </r>
    <r>
      <rPr>
        <b/>
        <u/>
        <sz val="8"/>
        <rFont val="ＭＳ ゴシック"/>
        <family val="3"/>
        <charset val="128"/>
      </rPr>
      <t xml:space="preserve">
　</t>
    </r>
    <r>
      <rPr>
        <u/>
        <sz val="8"/>
        <rFont val="ＭＳ ゴシック"/>
        <family val="3"/>
        <charset val="128"/>
      </rPr>
      <t>車椅子使用者の利用上支障がないものとして国土交通大臣が定める敷地内の通路（車いす使用者用駐車施設が設けられていない駐車場、段等のみに通ずる敷地内の通路）の部分には、適用しない。この場合において、勾配が12分の１を超える傾斜がある部分には、両側に手すりを設けなければならない。</t>
    </r>
    <r>
      <rPr>
        <b/>
        <u/>
        <sz val="8"/>
        <rFont val="ＭＳ ゴシック"/>
        <family val="3"/>
        <charset val="128"/>
      </rPr>
      <t xml:space="preserve">（第11条第３項）
</t>
    </r>
    <r>
      <rPr>
        <sz val="8"/>
        <rFont val="ＭＳ ゴシック"/>
        <family val="3"/>
        <charset val="128"/>
      </rPr>
      <t/>
    </r>
    <phoneticPr fontId="1"/>
  </si>
  <si>
    <r>
      <t>一　 当該移動等円滑化経路上に階段又は段を設けないこと。ただし、傾斜路又はエレベーターその他の昇降機を併設する場合は、この限りでない。</t>
    </r>
    <r>
      <rPr>
        <b/>
        <sz val="8"/>
        <rFont val="ＭＳ ゴシック"/>
        <family val="3"/>
        <charset val="128"/>
      </rPr>
      <t xml:space="preserve">（第18条第２項）
</t>
    </r>
    <r>
      <rPr>
        <sz val="8"/>
        <rFont val="ＭＳ ゴシック"/>
        <family val="3"/>
        <charset val="128"/>
      </rPr>
      <t xml:space="preserve">
</t>
    </r>
    <r>
      <rPr>
        <u/>
        <sz val="8"/>
        <rFont val="ＭＳ ゴシック"/>
        <family val="3"/>
        <charset val="128"/>
      </rPr>
      <t>※　敷地内の通路（道等から直接地上へ通ずる出入口までの経路を構成するものに限る。）が地形の特殊性から規定によることが困難な場合は、建築物の車寄せから直接地上へ通ずる出入口までの敷地内の通路の部分に限る</t>
    </r>
    <r>
      <rPr>
        <b/>
        <u/>
        <sz val="8"/>
        <rFont val="ＭＳ ゴシック"/>
        <family val="3"/>
        <charset val="128"/>
      </rPr>
      <t xml:space="preserve">（第18条第３項）
</t>
    </r>
    <rPh sb="0" eb="1">
      <t>イチ</t>
    </rPh>
    <rPh sb="72" eb="73">
      <t>ダイ</t>
    </rPh>
    <rPh sb="74" eb="75">
      <t>コウ</t>
    </rPh>
    <phoneticPr fontId="1"/>
  </si>
  <si>
    <r>
      <t>五　段を設ける場合には、段に代わり、又はこれに併設する傾斜路又はエレベーターその他の昇降機を設けなければならない。</t>
    </r>
    <r>
      <rPr>
        <b/>
        <sz val="8"/>
        <rFont val="ＭＳ ゴシック"/>
        <family val="3"/>
        <charset val="128"/>
      </rPr>
      <t xml:space="preserve">(第11条)
</t>
    </r>
    <r>
      <rPr>
        <sz val="8"/>
        <rFont val="ＭＳ ゴシック"/>
        <family val="3"/>
        <charset val="128"/>
      </rPr>
      <t xml:space="preserve">
</t>
    </r>
    <r>
      <rPr>
        <u/>
        <sz val="8"/>
        <rFont val="ＭＳ ゴシック"/>
        <family val="3"/>
        <charset val="128"/>
      </rPr>
      <t>※　敷地内の通路（道等から直接地上へ通ずる出入口までの経路を構成するものに限る。）が地形の特殊性から規定によることが困難な場合は、建築物の車寄せから直接地上へ通ずる出入口までの敷地内の通路の部分に限る</t>
    </r>
    <r>
      <rPr>
        <b/>
        <u/>
        <sz val="8"/>
        <rFont val="ＭＳ ゴシック"/>
        <family val="3"/>
        <charset val="128"/>
      </rPr>
      <t xml:space="preserve">（第11条第２項）
</t>
    </r>
    <r>
      <rPr>
        <u/>
        <sz val="8"/>
        <rFont val="ＭＳ ゴシック"/>
        <family val="3"/>
        <charset val="128"/>
      </rPr>
      <t>※車椅子使用者の利用上支障がないものとして国土交通大臣が定める敷地内の通路（車いす使用者用駐車施設が設けられていない駐車場、段等のみに通ずる敷地内の通路）の部分には、適用しない。この場合において、勾配が12分の１を超える傾斜がある部分には、両側に手すりを設けなければならない。</t>
    </r>
    <r>
      <rPr>
        <b/>
        <u/>
        <sz val="8"/>
        <rFont val="ＭＳ ゴシック"/>
        <family val="3"/>
        <charset val="128"/>
      </rPr>
      <t>（第11条第３項）</t>
    </r>
    <phoneticPr fontId="1"/>
  </si>
  <si>
    <r>
      <t>七　当該移動等円滑化経路を構成する敷地内の通路は、第16条の規定によるほか、次に掲げるものであること。
イ　幅は、120センチメートル以上とすること。
ロ　50メートル以内ごとに車椅子の転回に支障がない場所を設けること。</t>
    </r>
    <r>
      <rPr>
        <b/>
        <sz val="8"/>
        <rFont val="ＭＳ ゴシック"/>
        <family val="3"/>
        <charset val="128"/>
      </rPr>
      <t>（第18条第２項）</t>
    </r>
    <r>
      <rPr>
        <sz val="8"/>
        <rFont val="ＭＳ ゴシック"/>
        <family val="3"/>
        <charset val="128"/>
      </rPr>
      <t xml:space="preserve">
</t>
    </r>
    <r>
      <rPr>
        <u/>
        <sz val="8"/>
        <rFont val="ＭＳ ゴシック"/>
        <family val="3"/>
        <charset val="128"/>
      </rPr>
      <t>※　敷地内の通路（道等から直接地上へ通ずる出入口までの経路を構成するものに限る。）が地形の特殊性から規定によることが困難な場合は、建築物の車寄せから直接地上へ通ずる出入口までの敷地内の通路の部分に限る</t>
    </r>
    <r>
      <rPr>
        <b/>
        <u/>
        <sz val="8"/>
        <rFont val="ＭＳ ゴシック"/>
        <family val="3"/>
        <charset val="128"/>
      </rPr>
      <t xml:space="preserve">（第18条第３項）
</t>
    </r>
    <phoneticPr fontId="1"/>
  </si>
  <si>
    <r>
      <t>（３）　高さが75センチメートルを超えるもの（勾配が20分の１を超えるものに限る。）にあっては、高さ75センチメートル以内ごとに踏幅が150センチメートル以上の踊場を設けること。</t>
    </r>
    <r>
      <rPr>
        <b/>
        <sz val="8"/>
        <rFont val="ＭＳ ゴシック"/>
        <family val="3"/>
        <charset val="128"/>
      </rPr>
      <t xml:space="preserve">（第18条第２項）
</t>
    </r>
    <r>
      <rPr>
        <u/>
        <sz val="8"/>
        <rFont val="ＭＳ ゴシック"/>
        <family val="3"/>
        <charset val="128"/>
      </rPr>
      <t>※　敷地内の通路（道等から直接地上へ通ずる出入口までの経路を構成するものに限る。）が地形の特殊性から規定によることが困難な場合は、建築物の車寄せから直接地上へ通ずる出入口までの敷地内の通路の部分に限る</t>
    </r>
    <r>
      <rPr>
        <b/>
        <u/>
        <sz val="8"/>
        <rFont val="ＭＳ ゴシック"/>
        <family val="3"/>
        <charset val="128"/>
      </rPr>
      <t xml:space="preserve">（第18条第３項）
</t>
    </r>
    <phoneticPr fontId="1"/>
  </si>
  <si>
    <r>
      <t>・通行の安全確保、休憩、方向転換等のため、傾斜路の上端・下端に近接する部分、曲がりの部分、折り返し部分、他の通路との交差部分にも、踏幅150㎝以上の水平なスペースを設ける。</t>
    </r>
    <r>
      <rPr>
        <b/>
        <sz val="8"/>
        <color rgb="FFFF0000"/>
        <rFont val="ＭＳ ゴシック"/>
        <family val="3"/>
        <charset val="128"/>
      </rPr>
      <t>（2-49）</t>
    </r>
    <phoneticPr fontId="1"/>
  </si>
  <si>
    <r>
      <t>モニュメント、車止め、植樹ます等を設ける場合は、車椅子使用者、視覚障害者の通行に支障がない位置に設ける。</t>
    </r>
    <r>
      <rPr>
        <b/>
        <sz val="8"/>
        <color rgb="FFFF0000"/>
        <rFont val="ＭＳ ゴシック"/>
        <family val="3"/>
        <charset val="128"/>
      </rPr>
      <t>（2-47）</t>
    </r>
    <phoneticPr fontId="1"/>
  </si>
  <si>
    <r>
      <t>・義足使用者や片まひ者は階段の方が昇降しやすい場合もあるため、傾斜路と緩勾配の段（手すり付）を併設することが望ましい。</t>
    </r>
    <r>
      <rPr>
        <b/>
        <sz val="8"/>
        <color rgb="FFFF0000"/>
        <rFont val="ＭＳ ゴシック"/>
        <family val="3"/>
        <charset val="128"/>
      </rPr>
      <t>（2-49）</t>
    </r>
    <phoneticPr fontId="1"/>
  </si>
  <si>
    <t>・長くゆるやかに続く傾斜路の場合は、傾斜路の距離、勾配を、傾斜路の上端・下端に表示することが望ましい。</t>
    <phoneticPr fontId="1"/>
  </si>
  <si>
    <r>
      <t xml:space="preserve">ハ　戸を設ける場合には、自動的に開閉する構造その他の車椅子使用者が容易に開閉して通過できる構造とし、かつ、その前後に高低差がないこと。（第18条第２項）
</t>
    </r>
    <r>
      <rPr>
        <u/>
        <sz val="8"/>
        <rFont val="ＭＳ ゴシック"/>
        <family val="3"/>
        <charset val="128"/>
      </rPr>
      <t xml:space="preserve">
※　敷地内の通路（道等から直接地上へ通ずる出入口までの経路を構成するものに限る。）が地形の特殊性から規定によることが困難な場合は、建築物の車寄せから直接地上へ通ずる出入口までの敷地内の通路の部分に限る（第11条第２項）</t>
    </r>
    <phoneticPr fontId="1"/>
  </si>
  <si>
    <r>
      <t xml:space="preserve">三　戸を設ける場合には、自動的に開閉する構造その他の車椅子使用者が容易に開閉して通過できる構造とし、かつ、その前後に高低差がないこと。(第11条)　
</t>
    </r>
    <r>
      <rPr>
        <u/>
        <sz val="8"/>
        <rFont val="ＭＳ ゴシック"/>
        <family val="3"/>
        <charset val="128"/>
      </rPr>
      <t>※　敷地内の通路（道等から直接地上へ通ずる出入口までの経路を構成するものに限る。）が地形の特殊性から規定によることが困難な場合は、建築物の車寄せから直接地上へ通ずる出入口までの敷地内の通路の部分に限る（第11条第２項）
※車椅子使用者の利用上支障がないものとして国土交通大臣が定める敷地内の通路（車いす使用者用駐車施設が設けられていない駐車場、段等のみに通ずる敷地内の通路）の部分には、適用しない。この場合において、勾配が12分の１を超える傾斜がある部分には、両側に手すりを設けなければならない。（第11条第３項）</t>
    </r>
    <phoneticPr fontId="1"/>
  </si>
  <si>
    <r>
      <t>・敷地内の通路と道路の境界部分や出入口前の段差を解消するため、Ｌ形側溝や縁石の立ち上がり部分の切下げ等について道路管理者等と協議を行い、車椅子使用者等の移動が円滑になるよう配慮することが望ましい。</t>
    </r>
    <r>
      <rPr>
        <b/>
        <sz val="8"/>
        <color rgb="FFFF0000"/>
        <rFont val="ＭＳ ゴシック"/>
        <family val="3"/>
        <charset val="128"/>
      </rPr>
      <t>（2-47）</t>
    </r>
    <phoneticPr fontId="1"/>
  </si>
  <si>
    <r>
      <t>・通路や傾斜路と、それらを横断する排水溝等の蓋には、高低差を設けない。</t>
    </r>
    <r>
      <rPr>
        <b/>
        <sz val="8"/>
        <color rgb="FFFF0000"/>
        <rFont val="ＭＳ ゴシック"/>
        <family val="3"/>
        <charset val="128"/>
      </rPr>
      <t>（2-53）</t>
    </r>
    <phoneticPr fontId="1"/>
  </si>
  <si>
    <r>
      <t>・主要な経路上にある排水溝等の蓋のスリット等は、杖先や車椅子のキャスター等が落ち込まないよう目が細かい構造（ピッチ：1.5cm下、隙間：1cm以下）とし、濡れても滑りにくい仕上げとする。</t>
    </r>
    <r>
      <rPr>
        <b/>
        <sz val="8"/>
        <rFont val="ＭＳ ゴシック"/>
        <family val="3"/>
        <charset val="128"/>
      </rPr>
      <t>（2-53）</t>
    </r>
    <phoneticPr fontId="1"/>
  </si>
  <si>
    <t>逆転現象（要修正）</t>
    <rPh sb="0" eb="2">
      <t>ギャクテン</t>
    </rPh>
    <rPh sb="2" eb="4">
      <t>ゲンショウ</t>
    </rPh>
    <rPh sb="5" eb="6">
      <t>ヨウ</t>
    </rPh>
    <rPh sb="6" eb="8">
      <t>シュウセイ</t>
    </rPh>
    <phoneticPr fontId="1"/>
  </si>
  <si>
    <r>
      <rPr>
        <u/>
        <sz val="8"/>
        <color rgb="FFFF0000"/>
        <rFont val="ＭＳ ゴシック"/>
        <family val="3"/>
        <charset val="128"/>
      </rPr>
      <t>多数の者</t>
    </r>
    <r>
      <rPr>
        <sz val="8"/>
        <rFont val="ＭＳ ゴシック"/>
        <family val="3"/>
        <charset val="128"/>
      </rPr>
      <t>が利用する傾斜路（階段に代わり、又はこれに併設するものに限る。）は、次に掲げるものでなければならない。</t>
    </r>
    <r>
      <rPr>
        <b/>
        <sz val="8"/>
        <rFont val="ＭＳ ゴシック"/>
        <family val="3"/>
        <charset val="128"/>
      </rPr>
      <t>(第６条第１項）</t>
    </r>
    <rPh sb="59" eb="60">
      <t>ダイ</t>
    </rPh>
    <rPh sb="61" eb="62">
      <t>コウ</t>
    </rPh>
    <phoneticPr fontId="1"/>
  </si>
  <si>
    <r>
      <t>一　幅は、階段に代わるものにあっては150センチメートル以上、階段に併設するものにあっては120センチメートル以上とすること。</t>
    </r>
    <r>
      <rPr>
        <b/>
        <sz val="8"/>
        <rFont val="ＭＳ ゴシック"/>
        <family val="3"/>
        <charset val="128"/>
      </rPr>
      <t xml:space="preserve">(第６条第１項）
</t>
    </r>
    <r>
      <rPr>
        <u/>
        <sz val="8"/>
        <rFont val="ＭＳ ゴシック"/>
        <family val="3"/>
        <charset val="128"/>
      </rPr>
      <t>※車いす使用者用駐車施設が設けられていない駐車場、階段等のみに通ずる廊下等の部分は整備不要だが、勾配が12分の１を超える傾斜がある部分には、両側に手すりを設けなければならない。</t>
    </r>
    <r>
      <rPr>
        <b/>
        <u/>
        <sz val="8"/>
        <rFont val="ＭＳ ゴシック"/>
        <family val="3"/>
        <charset val="128"/>
      </rPr>
      <t>（第６条第２項）　</t>
    </r>
    <phoneticPr fontId="1"/>
  </si>
  <si>
    <r>
      <t>一　勾配が12分の１を超え、又は高さが16センチメートルを超える傾斜がある部分には、手すりを設けること。</t>
    </r>
    <r>
      <rPr>
        <b/>
        <sz val="8"/>
        <rFont val="ＭＳ ゴシック"/>
        <family val="3"/>
        <charset val="128"/>
      </rPr>
      <t>（第13条）</t>
    </r>
    <r>
      <rPr>
        <sz val="8"/>
        <rFont val="ＭＳ ゴシック"/>
        <family val="3"/>
        <charset val="128"/>
      </rPr>
      <t/>
    </r>
    <phoneticPr fontId="1"/>
  </si>
  <si>
    <t>四　当該移動等円滑化経路を構成する傾斜路（階段に代わり、又はこれに併設するものに限る。）は、第13条の規定によるほか、次に掲げるものであること。
ロ　勾配は、12分の１を超えないこと。ただし、高さが16センチメートル以下のものにあっては、８分の１を超えないこと。（第18条第２項）</t>
    <phoneticPr fontId="1"/>
  </si>
  <si>
    <r>
      <t>二　勾配は、12分の１を超えないこと。</t>
    </r>
    <r>
      <rPr>
        <b/>
        <sz val="8"/>
        <rFont val="ＭＳ ゴシック"/>
        <family val="3"/>
        <charset val="128"/>
      </rPr>
      <t xml:space="preserve">(第６条第１項）
</t>
    </r>
    <r>
      <rPr>
        <u/>
        <sz val="8"/>
        <rFont val="ＭＳ ゴシック"/>
        <family val="3"/>
        <charset val="128"/>
      </rPr>
      <t>※車いす使用者用駐車施設が設けられていない駐車場、階段等のみに通ずる廊下等の部分は整備不要だが、勾配が12分の１を超える傾斜がある部分には、両側に手すりを設けなければならない。</t>
    </r>
    <r>
      <rPr>
        <b/>
        <u/>
        <sz val="8"/>
        <rFont val="ＭＳ ゴシック"/>
        <family val="3"/>
        <charset val="128"/>
      </rPr>
      <t>（第６条第２項）　</t>
    </r>
    <phoneticPr fontId="1"/>
  </si>
  <si>
    <r>
      <t>主要な経路以外でも、こう配は、12分の１を超えないことが望ましい。</t>
    </r>
    <r>
      <rPr>
        <b/>
        <sz val="8"/>
        <color rgb="FFFF0000"/>
        <rFont val="ＭＳ ゴシック"/>
        <family val="3"/>
        <charset val="128"/>
      </rPr>
      <t>(2-83)</t>
    </r>
    <rPh sb="5" eb="7">
      <t>イガイ</t>
    </rPh>
    <rPh sb="28" eb="29">
      <t>ノゾ</t>
    </rPh>
    <phoneticPr fontId="1"/>
  </si>
  <si>
    <r>
      <t>三　高さが75センチメートルを超えるものにあっては、高さ75センチメートル以内ごとに踏幅が150センチメートル以上の踊場を設けること。</t>
    </r>
    <r>
      <rPr>
        <b/>
        <sz val="8"/>
        <rFont val="ＭＳ ゴシック"/>
        <family val="3"/>
        <charset val="128"/>
      </rPr>
      <t xml:space="preserve">(第６条第１項）
</t>
    </r>
    <r>
      <rPr>
        <u/>
        <sz val="8"/>
        <rFont val="ＭＳ ゴシック"/>
        <family val="3"/>
        <charset val="128"/>
      </rPr>
      <t>※車いす使用者用駐車施設が設けられていない駐車場、階段等のみに通ずる廊下等の部分は整備不要だが、勾配が12分の１を超える傾斜がある部分には、両側に手すりを設けなければならない。</t>
    </r>
    <r>
      <rPr>
        <b/>
        <u/>
        <sz val="8"/>
        <rFont val="ＭＳ ゴシック"/>
        <family val="3"/>
        <charset val="128"/>
      </rPr>
      <t>（第６条第２項）　</t>
    </r>
    <phoneticPr fontId="1"/>
  </si>
  <si>
    <r>
      <t>四　</t>
    </r>
    <r>
      <rPr>
        <u/>
        <sz val="8"/>
        <rFont val="ＭＳ ゴシック"/>
        <family val="3"/>
        <charset val="128"/>
      </rPr>
      <t>高さが16センチメートルを超える傾斜がある部分には、</t>
    </r>
    <r>
      <rPr>
        <sz val="8"/>
        <rFont val="ＭＳ ゴシック"/>
        <family val="3"/>
        <charset val="128"/>
      </rPr>
      <t>両側に手すりを設けること。</t>
    </r>
    <r>
      <rPr>
        <b/>
        <sz val="8"/>
        <rFont val="ＭＳ ゴシック"/>
        <family val="3"/>
        <charset val="128"/>
      </rPr>
      <t>(第６条第１項）</t>
    </r>
    <phoneticPr fontId="1"/>
  </si>
  <si>
    <r>
      <t>手すりは、肢体不自由者の右半身麻痺、左半身麻痺等の利用を考慮し、傾斜路の両側に連続して設けることが基本であるが、</t>
    </r>
    <r>
      <rPr>
        <u/>
        <sz val="8"/>
        <rFont val="ＭＳ ゴシック"/>
        <family val="3"/>
        <charset val="128"/>
      </rPr>
      <t>構造上困難な場合には、片側に設け、連続性のあるものとすること。</t>
    </r>
    <phoneticPr fontId="1"/>
  </si>
  <si>
    <r>
      <t>・傾斜路の上端・下端では、手すりを水平に45㎝以上、延長することが望ましい。</t>
    </r>
    <r>
      <rPr>
        <b/>
        <sz val="8"/>
        <color rgb="FFFF0000"/>
        <rFont val="ＭＳ ゴシック"/>
        <family val="3"/>
        <charset val="128"/>
      </rPr>
      <t>（2-84）</t>
    </r>
    <phoneticPr fontId="1"/>
  </si>
  <si>
    <r>
      <t>・手すりの端部は、壁面側又は</t>
    </r>
    <r>
      <rPr>
        <u/>
        <sz val="8"/>
        <rFont val="ＭＳ ゴシック"/>
        <family val="3"/>
        <charset val="128"/>
      </rPr>
      <t>下方</t>
    </r>
    <r>
      <rPr>
        <sz val="8"/>
        <rFont val="ＭＳ ゴシック"/>
        <family val="3"/>
        <charset val="128"/>
      </rPr>
      <t>に巻き込むなど端部が突出しない構造とすること。</t>
    </r>
    <phoneticPr fontId="1"/>
  </si>
  <si>
    <r>
      <t>・手すりが取り付く部分の壁の仕上げは、なめらかなものとすることが望ましい。
・弱視者（ロービジョン）や色覚多様性のある人の視認性や、高齢者のわかりやすさを確保するため、手すりや壁の仕上げ材料は、手すりと壁の色の明度、色相又は彩度の差の確保に配慮して選定することが望ましい。</t>
    </r>
    <r>
      <rPr>
        <b/>
        <sz val="8"/>
        <color rgb="FFFF0000"/>
        <rFont val="ＭＳ ゴシック"/>
        <family val="3"/>
        <charset val="128"/>
      </rPr>
      <t>（2-238）</t>
    </r>
    <phoneticPr fontId="1"/>
  </si>
  <si>
    <r>
      <t>・肌触りがよく、耐食性、耐久性があり、維持管理の容易なものとする。
・階段、傾斜路等の手すりは、体重をかけた時に滑りにくいものとする。
・金属製の手すりは、冬期には冷たくなるため、高齢者や視覚障害者、肢体不自由者等、手すりを頼りに移動する者にとって支障となるため、気温が低い場合でも冷たさを感じにくい材質とする。</t>
    </r>
    <r>
      <rPr>
        <b/>
        <sz val="8"/>
        <color rgb="FFFF0000"/>
        <rFont val="ＭＳ ゴシック"/>
        <family val="3"/>
        <charset val="128"/>
      </rPr>
      <t>(2-239)</t>
    </r>
    <phoneticPr fontId="1"/>
  </si>
  <si>
    <r>
      <t>・側面に壁面がない場合は、車椅子の乗り越え防止のため立ち上がり部に高さ35cm以上の幅木状の車椅子当たりを連続して設ける</t>
    </r>
    <r>
      <rPr>
        <b/>
        <sz val="8"/>
        <color rgb="FFFF0000"/>
        <rFont val="ＭＳ ゴシック"/>
        <family val="3"/>
        <charset val="128"/>
      </rPr>
      <t>（2-83）</t>
    </r>
    <phoneticPr fontId="1"/>
  </si>
  <si>
    <t>・他の自動車との動線と車いす使用者用駐車区画からの動線の交差を避け、駐車区画はできるだけ出入口に近い位置に設ける。</t>
    <phoneticPr fontId="1"/>
  </si>
  <si>
    <r>
      <t>・安全に乗降できるよう、車椅子使用者用駐車施設の他に、建築物の出入口付近に車寄せを設けることが望ましい。</t>
    </r>
    <r>
      <rPr>
        <b/>
        <sz val="8"/>
        <color rgb="FFFF0000"/>
        <rFont val="ＭＳ ゴシック"/>
        <family val="3"/>
        <charset val="128"/>
      </rPr>
      <t>(2-58)</t>
    </r>
    <phoneticPr fontId="1"/>
  </si>
  <si>
    <r>
      <t>・通常の車椅子使用者用駐車施設と同様、高齢者、障害者等の見やすい位置に、容易に識別できる標識を設ける。</t>
    </r>
    <r>
      <rPr>
        <b/>
        <sz val="8"/>
        <color rgb="FFFF0000"/>
        <rFont val="ＭＳ ゴシック"/>
        <family val="3"/>
        <charset val="128"/>
      </rPr>
      <t>(2-62)</t>
    </r>
    <phoneticPr fontId="1"/>
  </si>
  <si>
    <r>
      <t>一　 当該移動等円滑化経路上に階段又は段を設けないこと。</t>
    </r>
    <r>
      <rPr>
        <u/>
        <sz val="8"/>
        <rFont val="ＭＳ ゴシック"/>
        <family val="3"/>
        <charset val="128"/>
      </rPr>
      <t>ただし、傾斜路又はエレベーターその他の昇降機を併設する場合は、この限りでない。</t>
    </r>
    <r>
      <rPr>
        <b/>
        <sz val="8"/>
        <rFont val="ＭＳ ゴシック"/>
        <family val="3"/>
        <charset val="128"/>
      </rPr>
      <t>（第18条第２項）</t>
    </r>
    <phoneticPr fontId="1"/>
  </si>
  <si>
    <r>
      <t>・衝突等の危険防止のため、プライバシー上の問題がある場合等を除き、戸には、戸の反対側の様子がわかるガラス窓を設けることが望ましい。
・戸に設けるガラス窓は、車椅子使用者や子ども等の存在がわかる高さ・位置とする。</t>
    </r>
    <r>
      <rPr>
        <b/>
        <sz val="8"/>
        <color rgb="FFFF0000"/>
        <rFont val="ＭＳ ゴシック"/>
        <family val="3"/>
        <charset val="128"/>
      </rPr>
      <t>（２-70）</t>
    </r>
    <phoneticPr fontId="1"/>
  </si>
  <si>
    <r>
      <t>・起動装置は、視覚障害者、車椅子使用者等の通行時に、支障なく作動するものとする。
・自動の戸の使用時の安全性を確保するため、JIS A 4722:2017に準拠したものとする。</t>
    </r>
    <r>
      <rPr>
        <b/>
        <sz val="8"/>
        <color rgb="FFFF0000"/>
        <rFont val="ＭＳ ゴシック"/>
        <family val="3"/>
        <charset val="128"/>
      </rPr>
      <t>（２-71）</t>
    </r>
    <phoneticPr fontId="1"/>
  </si>
  <si>
    <r>
      <t>・回転戸を設ける場合は、高齢者、障害者、子ども等が使いやすい引き戸、開き戸を併設する。</t>
    </r>
    <r>
      <rPr>
        <b/>
        <sz val="8"/>
        <color rgb="FFFF0000"/>
        <rFont val="ＭＳ ゴシック"/>
        <family val="3"/>
        <charset val="128"/>
      </rPr>
      <t>（２-73）</t>
    </r>
    <phoneticPr fontId="1"/>
  </si>
  <si>
    <t>・自動開閉装置は、車椅子使用者や視覚障害者の利用を考慮し、押しボタン式を避け、感知式とする等、開閉操作の不要なものとする。その場合には、戸の開閉速度を高齢者、障害者等が使いやすいよう設定する（開閉速度は、開くときはある程度速く、閉じるときは遅いほうがよい。）</t>
    <phoneticPr fontId="1"/>
  </si>
  <si>
    <r>
      <t>・玄関マットは埋め込み式とし、車椅子で動きにくいハケ状のものは使用しないことが望ましい。</t>
    </r>
    <r>
      <rPr>
        <b/>
        <sz val="8"/>
        <color rgb="FFFF0000"/>
        <rFont val="ＭＳ ゴシック"/>
        <family val="3"/>
        <charset val="128"/>
      </rPr>
      <t>（２-73）</t>
    </r>
    <phoneticPr fontId="1"/>
  </si>
  <si>
    <r>
      <t>・主要な経路上にある排水溝等の蓋のスリット等は、杖先や車椅子のキャスター等が落ち込まないよう目が細かい構造（ピッチ：15㎜以下、隙間：10㎜以下）とし、濡れても滑りにくい仕上げとする。</t>
    </r>
    <r>
      <rPr>
        <b/>
        <sz val="8"/>
        <color rgb="FFFF0000"/>
        <rFont val="ＭＳ ゴシック"/>
        <family val="3"/>
        <charset val="128"/>
      </rPr>
      <t>（２-73）</t>
    </r>
    <phoneticPr fontId="1"/>
  </si>
  <si>
    <r>
      <t>・夜間等の通行に支障のない明るさを確保できるよう、照明設備を設ける。</t>
    </r>
    <r>
      <rPr>
        <b/>
        <sz val="8"/>
        <color rgb="FFFF0000"/>
        <rFont val="ＭＳ ゴシック"/>
        <family val="3"/>
        <charset val="128"/>
      </rPr>
      <t>（２-73）</t>
    </r>
    <phoneticPr fontId="1"/>
  </si>
  <si>
    <r>
      <rPr>
        <u/>
        <sz val="8"/>
        <rFont val="ＭＳ ゴシック"/>
        <family val="3"/>
        <charset val="128"/>
      </rPr>
      <t>多数の者</t>
    </r>
    <r>
      <rPr>
        <sz val="8"/>
        <rFont val="ＭＳ ゴシック"/>
        <family val="3"/>
        <charset val="128"/>
      </rPr>
      <t>が利用する直接地上へ通ずる出入口のうち一以上のものは、次に掲げるものでなければならない。
一　幅は、120センチメートル以上とすること。</t>
    </r>
    <r>
      <rPr>
        <b/>
        <sz val="8"/>
        <rFont val="ＭＳ ゴシック"/>
        <family val="3"/>
        <charset val="128"/>
      </rPr>
      <t>(第２条第２項)</t>
    </r>
    <phoneticPr fontId="1"/>
  </si>
  <si>
    <r>
      <rPr>
        <u/>
        <sz val="8"/>
        <rFont val="ＭＳ ゴシック"/>
        <family val="3"/>
        <charset val="128"/>
      </rPr>
      <t>多数の者</t>
    </r>
    <r>
      <rPr>
        <sz val="8"/>
        <rFont val="ＭＳ ゴシック"/>
        <family val="3"/>
        <charset val="128"/>
      </rPr>
      <t>が利用する直接地上へ通ずる出入口のうち一以上のものは、次に掲げるものでなければならない。
二　戸を設ける場合には、自動的に開閉する構造とし、かつ、その前後に高低差がないこと。</t>
    </r>
    <r>
      <rPr>
        <b/>
        <sz val="8"/>
        <rFont val="ＭＳ ゴシック"/>
        <family val="3"/>
        <charset val="128"/>
      </rPr>
      <t>(第２条第２項)</t>
    </r>
    <phoneticPr fontId="1"/>
  </si>
  <si>
    <r>
      <rPr>
        <u/>
        <sz val="8"/>
        <rFont val="ＭＳ ゴシック"/>
        <family val="3"/>
        <charset val="128"/>
      </rPr>
      <t>多数の者</t>
    </r>
    <r>
      <rPr>
        <sz val="8"/>
        <rFont val="ＭＳ ゴシック"/>
        <family val="3"/>
        <charset val="128"/>
      </rPr>
      <t>が利用する出入口（次項に規定するもの並びに籠、昇降路、便所及び浴室等に設けられるものを除き、かつ、二以上の出入口を併設する場合には、そのうち一以上のものに限る。）は、次に掲げるものでなければならない
一　幅は、90センチメートル以上とすること。
二　戸を設ける場合には、自動的に開閉する構造その他の車椅子使用者が容易に開閉して通過できる構造とし、かつ、その前後に高低差がないこと。</t>
    </r>
    <r>
      <rPr>
        <b/>
        <sz val="8"/>
        <rFont val="ＭＳ ゴシック"/>
        <family val="3"/>
        <charset val="128"/>
      </rPr>
      <t>(第２条第１項)</t>
    </r>
    <phoneticPr fontId="1"/>
  </si>
  <si>
    <r>
      <rPr>
        <u/>
        <sz val="8"/>
        <rFont val="ＭＳ ゴシック"/>
        <family val="3"/>
        <charset val="128"/>
      </rPr>
      <t>多数の者</t>
    </r>
    <r>
      <rPr>
        <sz val="8"/>
        <rFont val="ＭＳ ゴシック"/>
        <family val="3"/>
        <charset val="128"/>
      </rPr>
      <t>が利用する廊下等は、次に掲げるものでなければならない。
二　表面は、粗面とし、又は滑りにくい材料で仕上げること。</t>
    </r>
    <r>
      <rPr>
        <b/>
        <sz val="8"/>
        <rFont val="ＭＳ ゴシック"/>
        <family val="3"/>
        <charset val="128"/>
      </rPr>
      <t>（第３条第１項）　</t>
    </r>
    <r>
      <rPr>
        <sz val="8"/>
        <rFont val="ＭＳ ゴシック"/>
        <family val="3"/>
        <charset val="128"/>
      </rPr>
      <t xml:space="preserve">
※車いす使用者用駐車施設が設けられていない駐車場、階段等のみに通ずる廊下等の部分は整備不要</t>
    </r>
    <r>
      <rPr>
        <b/>
        <sz val="8"/>
        <rFont val="ＭＳ ゴシック"/>
        <family val="3"/>
        <charset val="128"/>
      </rPr>
      <t>（第３条第２項）　</t>
    </r>
    <phoneticPr fontId="1"/>
  </si>
  <si>
    <r>
      <t>・床の表面は、転倒に対して衝撃の少ない材料で仕上げることが望ましい。</t>
    </r>
    <r>
      <rPr>
        <b/>
        <sz val="8"/>
        <color rgb="FFFF0000"/>
        <rFont val="ＭＳ ゴシック"/>
        <family val="3"/>
        <charset val="128"/>
      </rPr>
      <t>(2-86)</t>
    </r>
    <phoneticPr fontId="1"/>
  </si>
  <si>
    <r>
      <t>・廊下等には柱型等の突出物をできるだけ設けない。
・床から高さ65㎝以上の部分に突出物を設ける場合は、視覚障害者の白杖の位置に配慮し、突き出し部分を10㎝以下とする。</t>
    </r>
    <r>
      <rPr>
        <b/>
        <sz val="8"/>
        <color rgb="FFFF0000"/>
        <rFont val="ＭＳ ゴシック"/>
        <family val="3"/>
        <charset val="128"/>
      </rPr>
      <t>(2-82)</t>
    </r>
    <phoneticPr fontId="1"/>
  </si>
  <si>
    <r>
      <t>・高齢者、障害者等の休憩の用に供する設備（ベンチ等）を適切な位置に設けることが望ましい。
・車椅子使用者の休憩のためのスペースを設けることが望ましい。
・ベンチや休憩のためのスペースは、通行の妨げにならないように配慮する。</t>
    </r>
    <r>
      <rPr>
        <b/>
        <sz val="8"/>
        <color rgb="FFFF0000"/>
        <rFont val="ＭＳ ゴシック"/>
        <family val="3"/>
        <charset val="128"/>
      </rPr>
      <t>（2-85）</t>
    </r>
    <phoneticPr fontId="1"/>
  </si>
  <si>
    <r>
      <t>・消火器、案内板等を設ける場合は、通行の妨げにな
らないように設ける。</t>
    </r>
    <r>
      <rPr>
        <b/>
        <sz val="8"/>
        <color rgb="FFFF0000"/>
        <rFont val="ＭＳ ゴシック"/>
        <family val="3"/>
        <charset val="128"/>
      </rPr>
      <t>(2-82)</t>
    </r>
    <phoneticPr fontId="1"/>
  </si>
  <si>
    <r>
      <t>・通行に支障のない明るさ、むらのない明るさを確保できるよう、照明設備を設ける。</t>
    </r>
    <r>
      <rPr>
        <b/>
        <sz val="8"/>
        <color rgb="FFFF0000"/>
        <rFont val="ＭＳ ゴシック"/>
        <family val="3"/>
        <charset val="128"/>
      </rPr>
      <t>（2-85）</t>
    </r>
    <phoneticPr fontId="1"/>
  </si>
  <si>
    <r>
      <t>・廊下等の曲がり角ごとのわかりやすい位置に、誘導用の表示板を設けることが望ましい。</t>
    </r>
    <r>
      <rPr>
        <b/>
        <sz val="8"/>
        <color rgb="FFFF0000"/>
        <rFont val="ＭＳ ゴシック"/>
        <family val="3"/>
        <charset val="128"/>
      </rPr>
      <t>(2-86)</t>
    </r>
    <phoneticPr fontId="1"/>
  </si>
  <si>
    <r>
      <t>・床及び壁の仕上げ材料は、床面と壁面の境界部分の色の明度、色相又は彩度の差が大きいことにより、その境界を容易に識別できるものとすることが望ましい。</t>
    </r>
    <r>
      <rPr>
        <b/>
        <sz val="8"/>
        <color rgb="FFFF0000"/>
        <rFont val="ＭＳ ゴシック"/>
        <family val="3"/>
        <charset val="128"/>
      </rPr>
      <t>(2-86)</t>
    </r>
    <phoneticPr fontId="1"/>
  </si>
  <si>
    <r>
      <t>一　幅は、180センチメートル以上とすること。ただし、50メートル以内ごとに車椅子のすれ違いに支障がない場所を設ける場合にあっては、140センチメートル以上とすることができる。</t>
    </r>
    <r>
      <rPr>
        <b/>
        <sz val="8"/>
        <rFont val="ＭＳ ゴシック"/>
        <family val="3"/>
        <charset val="128"/>
      </rPr>
      <t xml:space="preserve">（第３条第１項）
</t>
    </r>
    <r>
      <rPr>
        <u/>
        <sz val="8"/>
        <rFont val="ＭＳ ゴシック"/>
        <family val="3"/>
        <charset val="128"/>
      </rPr>
      <t>※車いす使用者用駐車施設が設けられていない駐車場、階段等のみに通ずる廊下等の部分は整備不要</t>
    </r>
    <r>
      <rPr>
        <b/>
        <u/>
        <sz val="8"/>
        <rFont val="ＭＳ ゴシック"/>
        <family val="3"/>
        <charset val="128"/>
      </rPr>
      <t>（第３条第２項）　　</t>
    </r>
    <phoneticPr fontId="1"/>
  </si>
  <si>
    <t xml:space="preserve">・主要な経路上の廊下の幅は、120cm以上とする。
</t>
    <phoneticPr fontId="1"/>
  </si>
  <si>
    <t>・車いす使用者が転回できる幅140センチメートル以上の部分を設けること。（有効幅員が140センチメートル以上のときは、転回できるため、ことさら設ける必要はない。）</t>
    <phoneticPr fontId="1"/>
  </si>
  <si>
    <r>
      <t>・バルコニー等の外部への出入口前後には、車椅子の転回に支障がない場所を設けることが望ましい。</t>
    </r>
    <r>
      <rPr>
        <b/>
        <sz val="8"/>
        <color rgb="FFFF0000"/>
        <rFont val="ＭＳ ゴシック"/>
        <family val="3"/>
        <charset val="128"/>
      </rPr>
      <t>（２-81）</t>
    </r>
    <phoneticPr fontId="1"/>
  </si>
  <si>
    <r>
      <t>・廊下には、必要に応じて手すりを設ける。</t>
    </r>
    <r>
      <rPr>
        <b/>
        <sz val="8"/>
        <rFont val="ＭＳ ゴシック"/>
        <family val="3"/>
        <charset val="128"/>
      </rPr>
      <t>（2-84）</t>
    </r>
    <r>
      <rPr>
        <sz val="8"/>
        <rFont val="ＭＳ ゴシック"/>
        <family val="3"/>
        <charset val="128"/>
      </rPr>
      <t xml:space="preserve">
・手すりの上端の高さ（通路、階段）は次の通りとする。
　1本の場合 Ｈ＝75～85㎝程度
　2本の場合 Ｈ＝75～85㎝程度。Ｈ＝60～65㎝程度</t>
    </r>
    <r>
      <rPr>
        <b/>
        <sz val="8"/>
        <rFont val="ＭＳ ゴシック"/>
        <family val="3"/>
        <charset val="128"/>
      </rPr>
      <t>(2-238)</t>
    </r>
    <phoneticPr fontId="1"/>
  </si>
  <si>
    <r>
      <t>別表第１の３の項に掲げる</t>
    </r>
    <r>
      <rPr>
        <u/>
        <sz val="8"/>
        <rFont val="ＭＳ ゴシック"/>
        <family val="3"/>
        <charset val="128"/>
      </rPr>
      <t>医療施設（無床診療所を除く。）</t>
    </r>
    <r>
      <rPr>
        <sz val="8"/>
        <rFont val="ＭＳ ゴシック"/>
        <family val="3"/>
        <charset val="128"/>
      </rPr>
      <t>にあっては、適切な高さに手すりを設けること。</t>
    </r>
    <phoneticPr fontId="1"/>
  </si>
  <si>
    <r>
      <t>・廊下に手すりを設ける場合には、連続して設けることが望ましい。柱型の突出部分についても、手すりを設けることが望ましい。</t>
    </r>
    <r>
      <rPr>
        <b/>
        <sz val="8"/>
        <color rgb="FFFF0000"/>
        <rFont val="ＭＳ ゴシック"/>
        <family val="3"/>
        <charset val="128"/>
      </rPr>
      <t xml:space="preserve">（2-84）
</t>
    </r>
    <r>
      <rPr>
        <sz val="8"/>
        <color rgb="FFFF0000"/>
        <rFont val="ＭＳ ゴシック"/>
        <family val="3"/>
        <charset val="128"/>
      </rPr>
      <t>・医療施設、福祉施設等においては、利用状況を勘案し、屋内の通路にも手すりを設けることが望ましい。
・移動補助、立ち上がり補助（身体支持）の必要な高齢者、障害者等が主に利用する施設においては、転倒を防止する観点から、玄関ポーチ・玄関・廊下等にも連続して手すりを設けることが望ましい。
・視覚障害者等の誘導が必要な施設で、手すりを設置できない場合には、手すりに代わる音声案内装置の設置、又は従業員による誘導を行うことが望ましい。</t>
    </r>
    <r>
      <rPr>
        <b/>
        <sz val="8"/>
        <color rgb="FFFF0000"/>
        <rFont val="ＭＳ ゴシック"/>
        <family val="3"/>
        <charset val="128"/>
      </rPr>
      <t>(2-240)</t>
    </r>
    <phoneticPr fontId="1"/>
  </si>
  <si>
    <r>
      <t>・手すりが取り付く部分の壁の仕上げは、なめらかなものとすることが望ましい。
・弱視者（ロービジョン）や色覚多様性のある人の視認性や、高齢者のわかりやすさを確保するため、手すりや壁の仕上げ材料は、手すりと壁の色の明度、色相又は彩度の差の確保に配慮して選定することが望ましい。</t>
    </r>
    <r>
      <rPr>
        <b/>
        <sz val="8"/>
        <color rgb="FFFF0000"/>
        <rFont val="ＭＳ ゴシック"/>
        <family val="3"/>
        <charset val="128"/>
      </rPr>
      <t>（2-238）</t>
    </r>
    <phoneticPr fontId="1"/>
  </si>
  <si>
    <r>
      <t>・肌触りがよく、耐食性、耐久性があり、維持管理の容易なものとする。
・階段、傾斜路等の手すりは、体重をかけた時に滑りにくいものとする。
・金属製の手すりは、冬期には冷たくなるため、高齢者や視覚障害者、肢体不自由者等、手すりを頼りに移動する者にとって支障となるため、気温が低い場合でも冷たさを感じにくい材質とする。</t>
    </r>
    <r>
      <rPr>
        <b/>
        <sz val="8"/>
        <color rgb="FFFF0000"/>
        <rFont val="ＭＳ ゴシック"/>
        <family val="3"/>
        <charset val="128"/>
      </rPr>
      <t>(2-239)</t>
    </r>
    <phoneticPr fontId="1"/>
  </si>
  <si>
    <r>
      <t>四　戸を設ける場合には、自動的に開閉する構造その他の車椅子使用者が容易に開閉して通過できる構造とし、かつ、その前後に高低差がないこと。</t>
    </r>
    <r>
      <rPr>
        <b/>
        <sz val="8"/>
        <rFont val="ＭＳ ゴシック"/>
        <family val="3"/>
        <charset val="128"/>
      </rPr>
      <t>（第３条第１項）</t>
    </r>
    <r>
      <rPr>
        <sz val="8"/>
        <rFont val="ＭＳ ゴシック"/>
        <family val="3"/>
        <charset val="128"/>
      </rPr>
      <t xml:space="preserve">　
</t>
    </r>
    <r>
      <rPr>
        <u/>
        <sz val="8"/>
        <rFont val="ＭＳ ゴシック"/>
        <family val="3"/>
        <charset val="128"/>
      </rPr>
      <t>※車いす使用者用駐車施設が設けられていない駐車場、階段等のみに通ずる廊下等の部分は整備不要</t>
    </r>
    <r>
      <rPr>
        <b/>
        <u/>
        <sz val="8"/>
        <rFont val="ＭＳ ゴシック"/>
        <family val="3"/>
        <charset val="128"/>
      </rPr>
      <t>（第３条第２項）　</t>
    </r>
    <rPh sb="0" eb="1">
      <t>ヨン</t>
    </rPh>
    <rPh sb="71" eb="72">
      <t>ダイ</t>
    </rPh>
    <rPh sb="73" eb="74">
      <t>コウ</t>
    </rPh>
    <phoneticPr fontId="1"/>
  </si>
  <si>
    <r>
      <t>・防火戸を設ける場合は、戸の下枠に段がないもの、前後に高低差がないものとする。
・防火戸は車椅子使用者が通り抜けできる有効幅員を確保する。
・シャッター式の防火戸を設ける場合は、車椅子使用者等の安全性に十分配慮した製品とする
・防火戸を押し開けながら直角に曲がる必要がある設置方法は、車椅子使用者が通行できないので避ける。
・下枠が床面より立ち上がっているくぐり戸は、車椅子使用者が通過できないため、くぐり戸を用いる場合は下枠の段をなくし、かつ防煙性能を確保する。</t>
    </r>
    <r>
      <rPr>
        <b/>
        <sz val="8"/>
        <color rgb="FFFF0000"/>
        <rFont val="ＭＳ ゴシック"/>
        <family val="3"/>
        <charset val="128"/>
      </rPr>
      <t>（2-84）</t>
    </r>
    <rPh sb="114" eb="116">
      <t>ボウカ</t>
    </rPh>
    <rPh sb="116" eb="117">
      <t>ト</t>
    </rPh>
    <rPh sb="118" eb="119">
      <t>オ</t>
    </rPh>
    <rPh sb="120" eb="121">
      <t>ア</t>
    </rPh>
    <rPh sb="163" eb="164">
      <t>シタ</t>
    </rPh>
    <rPh sb="164" eb="165">
      <t>ワク</t>
    </rPh>
    <rPh sb="166" eb="168">
      <t>ユカメン</t>
    </rPh>
    <rPh sb="170" eb="171">
      <t>タ</t>
    </rPh>
    <rPh sb="172" eb="173">
      <t>ア</t>
    </rPh>
    <rPh sb="181" eb="182">
      <t>ト</t>
    </rPh>
    <rPh sb="184" eb="185">
      <t>クルマ</t>
    </rPh>
    <rPh sb="185" eb="187">
      <t>イス</t>
    </rPh>
    <rPh sb="187" eb="190">
      <t>シヨウシャ</t>
    </rPh>
    <rPh sb="191" eb="193">
      <t>ツウカ</t>
    </rPh>
    <rPh sb="203" eb="204">
      <t>ト</t>
    </rPh>
    <rPh sb="205" eb="206">
      <t>モチ</t>
    </rPh>
    <rPh sb="208" eb="210">
      <t>バアイ</t>
    </rPh>
    <rPh sb="211" eb="212">
      <t>シタ</t>
    </rPh>
    <rPh sb="212" eb="213">
      <t>ワク</t>
    </rPh>
    <rPh sb="214" eb="215">
      <t>ダン</t>
    </rPh>
    <rPh sb="224" eb="226">
      <t>セイノウ</t>
    </rPh>
    <rPh sb="227" eb="229">
      <t>カクホ</t>
    </rPh>
    <phoneticPr fontId="1"/>
  </si>
  <si>
    <r>
      <t>・通行に支障のない明るさ、むらのない明るさを確保できるよう、照明設備を設ける。</t>
    </r>
    <r>
      <rPr>
        <b/>
        <sz val="8"/>
        <color rgb="FFFF0000"/>
        <rFont val="ＭＳ ゴシック"/>
        <family val="3"/>
        <charset val="128"/>
      </rPr>
      <t>(2-91)</t>
    </r>
    <phoneticPr fontId="1"/>
  </si>
  <si>
    <r>
      <t>一　幅は、140センチメートル以上とすること。ただし、手すりが設けられた場合にあっては、手すりの幅が10センチメートルを限度として、ないものとみなして算定することができる。</t>
    </r>
    <r>
      <rPr>
        <b/>
        <sz val="8"/>
        <rFont val="ＭＳ ゴシック"/>
        <family val="3"/>
        <charset val="128"/>
      </rPr>
      <t>（第４条）　</t>
    </r>
    <phoneticPr fontId="1"/>
  </si>
  <si>
    <r>
      <t>・視覚障害者が白杖で感知できずに階段部分に衝突してしまうことがないよう、階段下の形状や高さ等に十分留意する
・やむを得ず十分な高さのない空間を設ける場合は、高さ110cm以上の衝突防止柵の設置や進入防止措置を講ずる。この場合、床面からの立ち上がり部に隙間を設けず、白杖で容易に柵等を感知できるよう配慮する</t>
    </r>
    <r>
      <rPr>
        <b/>
        <sz val="8"/>
        <color rgb="FFFF0000"/>
        <rFont val="ＭＳ ゴシック"/>
        <family val="3"/>
        <charset val="128"/>
      </rPr>
      <t>（2-89）</t>
    </r>
    <phoneticPr fontId="1"/>
  </si>
  <si>
    <r>
      <t>六　主たる階段は、回り階段でないこと。た</t>
    </r>
    <r>
      <rPr>
        <u/>
        <sz val="8"/>
        <rFont val="ＭＳ ゴシック"/>
        <family val="3"/>
        <charset val="128"/>
      </rPr>
      <t>だし、回り階段以外の階段を設ける空間を確保することが困難であるときは、この限りでない。</t>
    </r>
    <r>
      <rPr>
        <b/>
        <sz val="8"/>
        <rFont val="ＭＳ ゴシック"/>
        <family val="3"/>
        <charset val="128"/>
      </rPr>
      <t>（第12条）</t>
    </r>
    <phoneticPr fontId="1"/>
  </si>
  <si>
    <t>・段鼻は、踏面及びけこみ板の面とそろえてつまずきにくい構造とすること。</t>
    <phoneticPr fontId="1"/>
  </si>
  <si>
    <t>・金属製のものはつえ等が滑るので避けること。</t>
    <phoneticPr fontId="1"/>
  </si>
  <si>
    <r>
      <t>イ　幅は、80センチメートル以上とすること。</t>
    </r>
    <r>
      <rPr>
        <b/>
        <sz val="8"/>
        <rFont val="ＭＳ ゴシック"/>
        <family val="3"/>
        <charset val="128"/>
      </rPr>
      <t>（第18条第２項）</t>
    </r>
    <phoneticPr fontId="1"/>
  </si>
  <si>
    <t>・けこみは２センチメートル以下とすること。</t>
    <phoneticPr fontId="1"/>
  </si>
  <si>
    <t>・つま先が引っかかる可能性や、杖や足が落ち込む可能性もあるため、蹴込み板を設ける。</t>
    <phoneticPr fontId="1"/>
  </si>
  <si>
    <r>
      <t>・蹴込み寸法は、2cm以下とする。</t>
    </r>
    <r>
      <rPr>
        <b/>
        <sz val="8"/>
        <rFont val="ＭＳ ゴシック"/>
        <family val="3"/>
        <charset val="128"/>
      </rPr>
      <t>（2-89）</t>
    </r>
    <phoneticPr fontId="1"/>
  </si>
  <si>
    <r>
      <t>・階段の段鼻には、滑り止めを設ける。
・金属製等の滑り止めは、避ける。</t>
    </r>
    <r>
      <rPr>
        <b/>
        <sz val="8"/>
        <color rgb="FFFF0000"/>
        <rFont val="ＭＳ ゴシック"/>
        <family val="3"/>
        <charset val="128"/>
      </rPr>
      <t>(2-92)</t>
    </r>
    <r>
      <rPr>
        <sz val="8"/>
        <color rgb="FFFF0000"/>
        <rFont val="ＭＳ ゴシック"/>
        <family val="3"/>
        <charset val="128"/>
      </rPr>
      <t xml:space="preserve">
・つまずきにくいよう滑り止めは踏み面及び蹴込み板の面とそろえる。</t>
    </r>
    <r>
      <rPr>
        <b/>
        <sz val="8"/>
        <color rgb="FFFF0000"/>
        <rFont val="ＭＳ ゴシック"/>
        <family val="3"/>
        <charset val="128"/>
      </rPr>
      <t>（2-89）</t>
    </r>
    <phoneticPr fontId="1"/>
  </si>
  <si>
    <r>
      <t>・階段の勾配は、緩勾配とすることが望ましい。</t>
    </r>
    <r>
      <rPr>
        <b/>
        <sz val="8"/>
        <color rgb="FFFF0000"/>
        <rFont val="ＭＳ ゴシック"/>
        <family val="3"/>
        <charset val="128"/>
      </rPr>
      <t>（2-90）</t>
    </r>
    <phoneticPr fontId="1"/>
  </si>
  <si>
    <r>
      <t>一　</t>
    </r>
    <r>
      <rPr>
        <u/>
        <sz val="8"/>
        <rFont val="ＭＳ ゴシック"/>
        <family val="3"/>
        <charset val="128"/>
      </rPr>
      <t>踊場を除き、</t>
    </r>
    <r>
      <rPr>
        <sz val="8"/>
        <rFont val="ＭＳ ゴシック"/>
        <family val="3"/>
        <charset val="128"/>
      </rPr>
      <t>手すりを設けること。</t>
    </r>
    <r>
      <rPr>
        <b/>
        <sz val="8"/>
        <rFont val="ＭＳ ゴシック"/>
        <family val="3"/>
        <charset val="128"/>
      </rPr>
      <t>（第12条）</t>
    </r>
    <phoneticPr fontId="1"/>
  </si>
  <si>
    <r>
      <t>四　</t>
    </r>
    <r>
      <rPr>
        <u/>
        <sz val="8"/>
        <rFont val="ＭＳ ゴシック"/>
        <family val="3"/>
        <charset val="128"/>
      </rPr>
      <t>踊場を除き、</t>
    </r>
    <r>
      <rPr>
        <sz val="8"/>
        <rFont val="ＭＳ ゴシック"/>
        <family val="3"/>
        <charset val="128"/>
      </rPr>
      <t>両側に手すりを設けること。</t>
    </r>
    <r>
      <rPr>
        <b/>
        <sz val="8"/>
        <rFont val="ＭＳ ゴシック"/>
        <family val="3"/>
        <charset val="128"/>
      </rPr>
      <t>（第４条）　</t>
    </r>
    <phoneticPr fontId="1"/>
  </si>
  <si>
    <r>
      <t>・手すりは、階段の上端では水平に45㎝以上、下端では斜めの部分を含めて段鼻から45㎝以上、延長することが望ましい。</t>
    </r>
    <r>
      <rPr>
        <b/>
        <sz val="8"/>
        <color rgb="FFFF0000"/>
        <rFont val="ＭＳ ゴシック"/>
        <family val="3"/>
        <charset val="128"/>
      </rPr>
      <t>（2-90）</t>
    </r>
    <phoneticPr fontId="1"/>
  </si>
  <si>
    <r>
      <t>・手すりが取り付く部分の壁の仕上げは、なめらかなものとすることが望ましい。
・弱視者（ロービジョン）や色覚多様性のある人の視認性や、高齢者のわかりやすさを確保するため、手すりや壁の仕上げ材料は、手すりと壁の色の明度、色相又は彩度の差の確保に配慮して選定することが望ましい。</t>
    </r>
    <r>
      <rPr>
        <b/>
        <sz val="8"/>
        <color rgb="FFFF0000"/>
        <rFont val="ＭＳ ゴシック"/>
        <family val="3"/>
        <charset val="128"/>
      </rPr>
      <t>（2-238）</t>
    </r>
    <phoneticPr fontId="1"/>
  </si>
  <si>
    <r>
      <t>・肌触りがよく、耐食性、耐久性があり、維持管理の容易なものとする。
・階段、傾斜路等の手すりは、体重をかけた時に滑りにくいものとする。
・金属製の手すりは、冬期には冷たくなるため、高齢者や視覚障害者、肢体不自由者等、手すりを頼りに移動する者にとって支障となるため、気温が低い場合でも冷たさを感じにくい材質とする。</t>
    </r>
    <r>
      <rPr>
        <b/>
        <sz val="8"/>
        <color rgb="FFFF0000"/>
        <rFont val="ＭＳ ゴシック"/>
        <family val="3"/>
        <charset val="128"/>
      </rPr>
      <t>(2-239)</t>
    </r>
    <phoneticPr fontId="1"/>
  </si>
  <si>
    <r>
      <t>・踏面の端部の部分は、汚損・損傷しにくいものを用いる。</t>
    </r>
    <r>
      <rPr>
        <b/>
        <sz val="8"/>
        <color rgb="FFFF0000"/>
        <rFont val="ＭＳ ゴシック"/>
        <family val="3"/>
        <charset val="128"/>
      </rPr>
      <t>（2-92）</t>
    </r>
    <phoneticPr fontId="1"/>
  </si>
  <si>
    <r>
      <t>・踏面の端部の色は始まりの段から終わりの段まで統一された色とする。</t>
    </r>
    <r>
      <rPr>
        <b/>
        <sz val="8"/>
        <color rgb="FFFF0000"/>
        <rFont val="ＭＳ ゴシック"/>
        <family val="3"/>
        <charset val="128"/>
      </rPr>
      <t>（2-92）</t>
    </r>
    <phoneticPr fontId="1"/>
  </si>
  <si>
    <r>
      <t>・段を容易に識別できるものとするため、全長にわたって、踏面の端部とその周囲の部分との輝度比を確保することが望ましい。</t>
    </r>
    <r>
      <rPr>
        <b/>
        <sz val="8"/>
        <color rgb="FFFF0000"/>
        <rFont val="ＭＳ ゴシック"/>
        <family val="3"/>
        <charset val="128"/>
      </rPr>
      <t>（2-92）</t>
    </r>
    <phoneticPr fontId="1"/>
  </si>
  <si>
    <r>
      <rPr>
        <u/>
        <sz val="8"/>
        <color rgb="FFFF0000"/>
        <rFont val="ＭＳ ゴシック"/>
        <family val="3"/>
        <charset val="128"/>
      </rPr>
      <t>多数の者</t>
    </r>
    <r>
      <rPr>
        <sz val="8"/>
        <color rgb="FFFF0000"/>
        <rFont val="ＭＳ ゴシック"/>
        <family val="3"/>
        <charset val="128"/>
      </rPr>
      <t>が利用する階段を設ける場合には、階段に代わり、又はこれに併設する傾斜路又はエレベーターその他の昇降機（二以上の階にわたるときには、第７条に定めるものに限る。）を設けなければならない。ただし、車椅子使用者の利用上支障がないものとして国土交通大臣が定める場合(階段が車いす使用者用駐車施設が設けられていない駐車場等のみに通ずるものである場合)は、この限りでない。</t>
    </r>
    <r>
      <rPr>
        <b/>
        <sz val="8"/>
        <color rgb="FFFF0000"/>
        <rFont val="ＭＳ ゴシック"/>
        <family val="3"/>
        <charset val="128"/>
      </rPr>
      <t>(第５条)</t>
    </r>
    <phoneticPr fontId="1"/>
  </si>
  <si>
    <r>
      <t>・多数の利用者が利用する階段を設ける場合には、階段に代わり、又はこれに併設する傾斜路又はエレベーターその他の昇降機（2以上の階にわたるときには、エレベーターに限る。）を設けることが望ましい。（階段が、車椅子使用者用駐車施設が設けられていない駐車場等のみに通ずるものである場合は除く）</t>
    </r>
    <r>
      <rPr>
        <b/>
        <sz val="8"/>
        <color rgb="FFFF0000"/>
        <rFont val="ＭＳ ゴシック"/>
        <family val="3"/>
        <charset val="128"/>
      </rPr>
      <t>(2-97)</t>
    </r>
    <phoneticPr fontId="1"/>
  </si>
  <si>
    <r>
      <t>不特定かつ多数の者が利用するエレベーター（１以上）
二　籠及び昇降路の出入口の幅は、90センチメートル以上とすること。</t>
    </r>
    <r>
      <rPr>
        <b/>
        <sz val="8"/>
        <rFont val="ＭＳ ゴシック"/>
        <family val="3"/>
        <charset val="128"/>
      </rPr>
      <t>(第７条第５項)</t>
    </r>
    <phoneticPr fontId="1"/>
  </si>
  <si>
    <r>
      <t>多数の者/不特定かつ多数の者が利用するエレベーター
一　籠及び昇降路の出入口の幅は、80センチメートル以上とすること。</t>
    </r>
    <r>
      <rPr>
        <b/>
        <sz val="8"/>
        <rFont val="ＭＳ ゴシック"/>
        <family val="3"/>
        <charset val="128"/>
      </rPr>
      <t>(第７条第２項/第４項)</t>
    </r>
    <rPh sb="5" eb="8">
      <t>フトクテイ</t>
    </rPh>
    <rPh sb="10" eb="12">
      <t>タスウ</t>
    </rPh>
    <rPh sb="13" eb="14">
      <t>シャ</t>
    </rPh>
    <rPh sb="67" eb="68">
      <t>ダイ</t>
    </rPh>
    <rPh sb="69" eb="70">
      <t>コウ</t>
    </rPh>
    <phoneticPr fontId="1"/>
  </si>
  <si>
    <r>
      <t>・主要な経路上以外のエレベーターでも、籠及び昇降路の出入口の幅は、80cm以上とすることが望ましい。</t>
    </r>
    <r>
      <rPr>
        <sz val="8"/>
        <rFont val="ＭＳ ゴシック"/>
        <family val="3"/>
        <charset val="128"/>
      </rPr>
      <t xml:space="preserve">
</t>
    </r>
    <phoneticPr fontId="1"/>
  </si>
  <si>
    <r>
      <t>・不特定多数の者が利用する建築物の1以上のエレベーターの籠及び昇降路の出入口の幅は、90cm以上とすることが望ましい</t>
    </r>
    <r>
      <rPr>
        <b/>
        <sz val="8"/>
        <rFont val="ＭＳ ゴシック"/>
        <family val="3"/>
        <charset val="128"/>
      </rPr>
      <t>（2-98）</t>
    </r>
    <phoneticPr fontId="1"/>
  </si>
  <si>
    <r>
      <t>かごの内のり幅は140センチメートル以上とし、かごの内のり奥行きは135センチメートル以上とし、及びかごの構造は車いすの転回に支障がない構造とすること。</t>
    </r>
    <r>
      <rPr>
        <u/>
        <sz val="8"/>
        <rFont val="ＭＳ ゴシック"/>
        <family val="3"/>
        <charset val="128"/>
      </rPr>
      <t>ただし、別表第１の８の項、９の項、16の項及び18の項（８の項、９の項又は16の項に掲げる公共的施設を含むものに限る。）に掲げる公共的施設において、電動車いす使用者が乗降できる構造のかごを設ける場合は、この限りでない。</t>
    </r>
    <phoneticPr fontId="1"/>
  </si>
  <si>
    <r>
      <t>多数の者/不特定かつ多数の者が利用するエレベーター
二　籠の奥行きは、135センチメートル以上とすること。</t>
    </r>
    <r>
      <rPr>
        <b/>
        <sz val="8"/>
        <rFont val="ＭＳ ゴシック"/>
        <family val="3"/>
        <charset val="128"/>
      </rPr>
      <t xml:space="preserve">(第７条第２項/第４項)
</t>
    </r>
    <r>
      <rPr>
        <sz val="8"/>
        <rFont val="ＭＳ ゴシック"/>
        <family val="3"/>
        <charset val="128"/>
      </rPr>
      <t>多数の者（１以上）/不特定かつ多数の者が利用するエレベーター</t>
    </r>
    <r>
      <rPr>
        <b/>
        <sz val="8"/>
        <rFont val="ＭＳ ゴシック"/>
        <family val="3"/>
        <charset val="128"/>
      </rPr>
      <t xml:space="preserve">
</t>
    </r>
    <r>
      <rPr>
        <sz val="8"/>
        <rFont val="ＭＳ ゴシック"/>
        <family val="3"/>
        <charset val="128"/>
      </rPr>
      <t>一　籠の幅は、140センチメートル以上とすること。
二　籠は、車椅子の転回に支障がない構造とすること。</t>
    </r>
    <r>
      <rPr>
        <b/>
        <sz val="8"/>
        <rFont val="ＭＳ ゴシック"/>
        <family val="3"/>
        <charset val="128"/>
      </rPr>
      <t>(第７条第３項/第４項)</t>
    </r>
    <r>
      <rPr>
        <sz val="8"/>
        <rFont val="ＭＳ ゴシック"/>
        <family val="3"/>
        <charset val="128"/>
      </rPr>
      <t xml:space="preserve">
不特定かつ多数の者が利用するエレベーター（１以上）
一　籠の幅は、160センチメートル以上とすること。</t>
    </r>
    <r>
      <rPr>
        <b/>
        <sz val="8"/>
        <rFont val="ＭＳ ゴシック"/>
        <family val="3"/>
        <charset val="128"/>
      </rPr>
      <t>(第７条第５項)</t>
    </r>
    <rPh sb="5" eb="8">
      <t>フトクテイ</t>
    </rPh>
    <rPh sb="10" eb="12">
      <t>タスウ</t>
    </rPh>
    <rPh sb="13" eb="14">
      <t>シャ</t>
    </rPh>
    <rPh sb="77" eb="80">
      <t>フトクテイ</t>
    </rPh>
    <rPh sb="82" eb="84">
      <t>タスウ</t>
    </rPh>
    <rPh sb="85" eb="86">
      <t>シャ</t>
    </rPh>
    <phoneticPr fontId="1"/>
  </si>
  <si>
    <r>
      <t>ハ　籠の奥行きは、135センチメートル以上とすること。
チ　不特定かつ多数の者が利用する建築物（</t>
    </r>
    <r>
      <rPr>
        <u/>
        <sz val="8"/>
        <rFont val="ＭＳ ゴシック"/>
        <family val="3"/>
        <charset val="128"/>
      </rPr>
      <t>床面積の合計が二千平方メートル以上の建築物に限る。</t>
    </r>
    <r>
      <rPr>
        <sz val="8"/>
        <rFont val="ＭＳ ゴシック"/>
        <family val="3"/>
        <charset val="128"/>
      </rPr>
      <t>）の移動等円滑化経路を構成するエレベーターにあっては、イからハまで、ホ及びヘに定めるもののほか、次に掲げるものであること。
（１）　籠の幅は、140センチメートル以上とすること。
（２）　籠は、車椅子の転回に支障がない構造とすること。</t>
    </r>
    <r>
      <rPr>
        <b/>
        <sz val="8"/>
        <rFont val="ＭＳ ゴシック"/>
        <family val="3"/>
        <charset val="128"/>
      </rPr>
      <t>（第18条第２項）</t>
    </r>
    <phoneticPr fontId="1"/>
  </si>
  <si>
    <r>
      <t>(1) 不特定かつ多数の者が利用し、又は主として障害者等が利用し、かつ、直接屋外へ通ずる４の項(1)に定める構造の主要な出入口等がない階を有する公共的施設で、床面積の合計が</t>
    </r>
    <r>
      <rPr>
        <u/>
        <sz val="8"/>
        <rFont val="ＭＳ ゴシック"/>
        <family val="3"/>
        <charset val="128"/>
      </rPr>
      <t>1,000平方メートル以上</t>
    </r>
    <r>
      <rPr>
        <sz val="8"/>
        <rFont val="ＭＳ ゴシック"/>
        <family val="3"/>
        <charset val="128"/>
      </rPr>
      <t>であるもの（別表第１の８の項、９の項、16の項及び18の項（８の項、９の項又は16の項に掲げる公共的施設を含むものに限る。）に掲げる公共的施設にあっては、４階以上の階を有するものに限る。）にあっては、かごが当該階に停止する次に定める構造のエレベーターを１以上設けること。ただし、不特定かつ多数の者又は主として障害者等が直接屋外へ通ずる４の項(1)に定める構造の主要な出入口等のある階でサービスの提供を受け、又は商品等を購入することができる等の措置を講じる場合は、この限りでない。
(2) 不特定かつ多数の者が利用し、又は主として障害者等が利用し、かつ、直接屋外へ通ずる４の項(1)に定める構造の主要な出入口等がない階を有する公共的施設（(1)に該当する施設を除く。）にあっては、かごが当該階に停止する(1)に定める構造のエレベーターを１以上設けるよう努めること。</t>
    </r>
    <phoneticPr fontId="1"/>
  </si>
  <si>
    <r>
      <t>・病院、福祉施設、共同住宅等では利用特性に配慮した籠形状とする</t>
    </r>
    <r>
      <rPr>
        <b/>
        <sz val="8"/>
        <color rgb="FFFF0000"/>
        <rFont val="ＭＳ ゴシック"/>
        <family val="3"/>
        <charset val="128"/>
      </rPr>
      <t>（2-99）</t>
    </r>
    <phoneticPr fontId="1"/>
  </si>
  <si>
    <t>・車椅子使用者が籠の中で転回しなくても、戸の開閉状況が確認できるよう、籠入口正面壁面の床上40㎝から150㎝程度の範囲に、出入口状況確認用の鏡（ステンレス製、又は安全ガラス等）を設けることが望ましい。</t>
    <phoneticPr fontId="1"/>
  </si>
  <si>
    <r>
      <t>・</t>
    </r>
    <r>
      <rPr>
        <u/>
        <sz val="8"/>
        <rFont val="ＭＳ ゴシック"/>
        <family val="3"/>
        <charset val="128"/>
      </rPr>
      <t>両側面の壁及び正面壁に</t>
    </r>
    <r>
      <rPr>
        <sz val="8"/>
        <rFont val="ＭＳ ゴシック"/>
        <family val="3"/>
        <charset val="128"/>
      </rPr>
      <t>手すりを設ける。
・手すりは、握りやすい形状とする。</t>
    </r>
    <r>
      <rPr>
        <b/>
        <sz val="8"/>
        <rFont val="ＭＳ ゴシック"/>
        <family val="3"/>
        <charset val="128"/>
      </rPr>
      <t>（2-101）</t>
    </r>
    <rPh sb="12" eb="13">
      <t>テ</t>
    </rPh>
    <phoneticPr fontId="1"/>
  </si>
  <si>
    <r>
      <t>・出入口が貫通型（スルー型）、直角２方向型及びトランク付型の籠の場合には、籠上部に凸面鏡等を設けることが望ましい。
・鏡の形状と設置位置は、車椅子使用者がバックで出るとき、出入口まわりの人や床が見やすいものとする。</t>
    </r>
    <r>
      <rPr>
        <b/>
        <sz val="8"/>
        <color rgb="FFFF0000"/>
        <rFont val="ＭＳ ゴシック"/>
        <family val="3"/>
        <charset val="128"/>
      </rPr>
      <t>（2-101）</t>
    </r>
    <phoneticPr fontId="1"/>
  </si>
  <si>
    <t>・かご内及び乗降ロビーには、車いす使用者が円滑に操作できる位置（高さ90～100センチメートル程度）に操作盤が設けられていること。</t>
    <phoneticPr fontId="1"/>
  </si>
  <si>
    <t>・操作盤（制御装置）のボタンは、押しボタン式とし、静電式タッチボタンは避けること。</t>
    <phoneticPr fontId="1"/>
  </si>
  <si>
    <r>
      <t>主要な経路上のエレベーターの籠内には、車椅子使用者が利用しやすい位置に操作盤（制御装置）を設ける。籠内で転回しにくい車椅子使用者の操作を考慮し､車椅子使用者対応の主操作盤、副操作盤は、籠中央の左右の壁に設ける。また、極端に籠の奥や手前に設けない。</t>
    </r>
    <r>
      <rPr>
        <b/>
        <sz val="8"/>
        <color rgb="FFFF0000"/>
        <rFont val="ＭＳ ゴシック"/>
        <family val="3"/>
        <charset val="128"/>
      </rPr>
      <t>（2-102）</t>
    </r>
    <phoneticPr fontId="1"/>
  </si>
  <si>
    <r>
      <t>車椅子使用者の手の届く範囲を考慮し､車椅子使用者対応の主操作盤、副操作盤の設置高さは床から100㎝程度とすることが望ましい｡</t>
    </r>
    <r>
      <rPr>
        <b/>
        <sz val="8"/>
        <color rgb="FFFF0000"/>
        <rFont val="ＭＳ ゴシック"/>
        <family val="3"/>
        <charset val="128"/>
      </rPr>
      <t>（2-102）</t>
    </r>
    <phoneticPr fontId="1"/>
  </si>
  <si>
    <r>
      <t>副操作盤の行き先ボタンは、ボタンを操作することにより､戸の開放時間が通常より長くなる機能を有することが望ましい。（車椅子使用者用の主及び副操作盤の行き先ボタンは、戸の開放時間が通常より長くなる機能を標準的に有している。）</t>
    </r>
    <r>
      <rPr>
        <b/>
        <sz val="8"/>
        <color rgb="FFFF0000"/>
        <rFont val="ＭＳ ゴシック"/>
        <family val="3"/>
        <charset val="128"/>
      </rPr>
      <t>（2-102）</t>
    </r>
    <phoneticPr fontId="1"/>
  </si>
  <si>
    <r>
      <t>主操作盤には、インターホン設備を設けることが望ましい。</t>
    </r>
    <r>
      <rPr>
        <b/>
        <sz val="8"/>
        <color rgb="FFFF0000"/>
        <rFont val="ＭＳ ゴシック"/>
        <family val="3"/>
        <charset val="128"/>
      </rPr>
      <t>（2-102）</t>
    </r>
    <phoneticPr fontId="1"/>
  </si>
  <si>
    <r>
      <t>・車椅子使用者対応の乗り場ボタンの付近等、車椅子使用者等の見やすい位置に、国際シンボルマークを表示する。</t>
    </r>
    <r>
      <rPr>
        <b/>
        <sz val="8"/>
        <color rgb="FFFF0000"/>
        <rFont val="ＭＳ ゴシック"/>
        <family val="3"/>
        <charset val="128"/>
      </rPr>
      <t>（2-100）</t>
    </r>
    <phoneticPr fontId="1"/>
  </si>
  <si>
    <r>
      <t>・主要な経路上のエレベーターの乗降ロビーに設ける乗り場ボタン（車椅子使用者が利用しやすい位置とその他の位置に乗り場ボタンを設ける場合にあっては、その他の位置に設けるもの）は、点字、文字等の浮き彫り、音による案内、その他これらに類するものにより、視覚障害者が円滑に操作することができる構造とする。（エレベーター及び乗降ロビーを自動車車庫に設ける場合を除く）</t>
    </r>
    <r>
      <rPr>
        <sz val="8"/>
        <rFont val="ＭＳ ゴシック"/>
        <family val="3"/>
        <charset val="128"/>
      </rPr>
      <t xml:space="preserve">
</t>
    </r>
    <rPh sb="174" eb="175">
      <t>ノゾ</t>
    </rPh>
    <phoneticPr fontId="1"/>
  </si>
  <si>
    <r>
      <t>・タッチセンサー式のボタンは、視覚障害者には押したか否か認知が難しく、誤って押す可能性があるため、使用しないことが望ましい。</t>
    </r>
    <r>
      <rPr>
        <b/>
        <sz val="8"/>
        <rFont val="ＭＳ ゴシック"/>
        <family val="3"/>
        <charset val="128"/>
      </rPr>
      <t>（2-103）</t>
    </r>
    <phoneticPr fontId="1"/>
  </si>
  <si>
    <r>
      <t>・階数ボタンが２列になる場合は千鳥配列が望ましい。</t>
    </r>
    <r>
      <rPr>
        <b/>
        <sz val="8"/>
        <rFont val="ＭＳ ゴシック"/>
        <family val="3"/>
        <charset val="128"/>
      </rPr>
      <t>（2-104）</t>
    </r>
    <phoneticPr fontId="1"/>
  </si>
  <si>
    <r>
      <t>・点字表示は、ボタンが縦配列の場合は左側に、横配列の場合は上側に行う。</t>
    </r>
    <r>
      <rPr>
        <b/>
        <sz val="8"/>
        <rFont val="ＭＳ ゴシック"/>
        <family val="3"/>
        <charset val="128"/>
      </rPr>
      <t>（2-103）</t>
    </r>
    <phoneticPr fontId="1"/>
  </si>
  <si>
    <r>
      <t>・乗り場ボタンへの点字表示は、立位で使用する乗り場ボタンに設ける。
・乗り場ボタン等の操作ボタンへの点字表示は、ボタンの左側に設ける。
・視覚障害者の利用に配慮し、乗り場ボタンは昇降方向が識別できる形状とする。</t>
    </r>
    <r>
      <rPr>
        <b/>
        <sz val="8"/>
        <color rgb="FFFF0000"/>
        <rFont val="ＭＳ ゴシック"/>
        <family val="3"/>
        <charset val="128"/>
      </rPr>
      <t>（2-100）</t>
    </r>
    <phoneticPr fontId="1"/>
  </si>
  <si>
    <r>
      <t>・主要な経路上のエレベーターの籠内に設ける操作盤（車椅子使用者が利用しやすい位置とその他の位置に制御装置を設ける場合にあっては、その他の位置に設けるもの）は、点字、文字等の浮き彫り、音による案内、その他これらに類するものにより、視覚障害者が円滑に操作することができる構造とする。（エレベーター及び乗降ロビーを自動車車庫に設ける場合を除く）
・点字表示は、籠内の立位で使用する操作盤の各ボタン（階数、開、閉、非常呼び出し、インターホン）に設ける。</t>
    </r>
    <r>
      <rPr>
        <b/>
        <sz val="8"/>
        <color rgb="FFFF0000"/>
        <rFont val="ＭＳ ゴシック"/>
        <family val="3"/>
        <charset val="128"/>
      </rPr>
      <t>（2-103）</t>
    </r>
    <rPh sb="166" eb="167">
      <t>ノゾ</t>
    </rPh>
    <phoneticPr fontId="1"/>
  </si>
  <si>
    <r>
      <t>・ボタンの文字は、周囲との色の明度、色相又は彩度の差が大きいこと等により弱視者（ロービジョン）の操作性に配慮したものであることが望ましい。
・同一建築物内においては、操作盤の取付位置､配列、ボタンの形状､使い方等を統一することが望ましい。</t>
    </r>
    <r>
      <rPr>
        <b/>
        <sz val="8"/>
        <color rgb="FFFF0000"/>
        <rFont val="ＭＳ ゴシック"/>
        <family val="3"/>
        <charset val="128"/>
      </rPr>
      <t xml:space="preserve">（2-103）
</t>
    </r>
    <r>
      <rPr>
        <sz val="8"/>
        <color rgb="FFFF0000"/>
        <rFont val="ＭＳ ゴシック"/>
        <family val="3"/>
        <charset val="128"/>
      </rPr>
      <t>・階数ボタンは浮き彫りによる表示が望ましい。</t>
    </r>
    <r>
      <rPr>
        <b/>
        <sz val="8"/>
        <color rgb="FFFF0000"/>
        <rFont val="ＭＳ ゴシック"/>
        <family val="3"/>
        <charset val="128"/>
      </rPr>
      <t>（2-104）</t>
    </r>
    <rPh sb="128" eb="130">
      <t>カイスウ</t>
    </rPh>
    <rPh sb="134" eb="135">
      <t>ウ</t>
    </rPh>
    <rPh sb="136" eb="137">
      <t>ボ</t>
    </rPh>
    <rPh sb="141" eb="143">
      <t>ヒョウジ</t>
    </rPh>
    <rPh sb="144" eb="145">
      <t>ノゾ</t>
    </rPh>
    <phoneticPr fontId="1"/>
  </si>
  <si>
    <r>
      <t>不特定かつ多数の者（１以上）が利用するエレベーター
二　籠内及び乗降ロビーに設ける制御装置（車椅子使用者が利用しやすい位置及びその他の位置に制御装置を設ける場合にあっては、当該その他の位置に設けるものに限る。）は、点字その他国土交通大臣が定める方法（文字等の浮き彫り/音による案内/点字及び前二号に類するもの）により視覚障害者が円滑に操作することができる構造とすること。</t>
    </r>
    <r>
      <rPr>
        <b/>
        <sz val="8"/>
        <rFont val="ＭＳ ゴシック"/>
        <family val="3"/>
        <charset val="128"/>
      </rPr>
      <t xml:space="preserve">(第７条第６項)
</t>
    </r>
    <r>
      <rPr>
        <sz val="8"/>
        <rFont val="ＭＳ ゴシック"/>
        <family val="3"/>
        <charset val="128"/>
      </rPr>
      <t>（エレベーター及び乗降ロビーを自動車車庫に設ける場合を除く）</t>
    </r>
    <phoneticPr fontId="1"/>
  </si>
  <si>
    <r>
      <t>・主要な経路上以外のエレベーターでも、籠内に、籠が停止する予定の階及び籠の現在位置を表示する装置を設けることが望ましい。</t>
    </r>
    <r>
      <rPr>
        <b/>
        <sz val="8"/>
        <color rgb="FFFF0000"/>
        <rFont val="ＭＳ ゴシック"/>
        <family val="3"/>
        <charset val="128"/>
      </rPr>
      <t xml:space="preserve">（2-103）
</t>
    </r>
    <phoneticPr fontId="1"/>
  </si>
  <si>
    <r>
      <t>リ（２）　籠内及び乗降ロビーに設ける制御装置（車椅子使用者が利用しやすい位置及びその他の位置に制御装置を設ける場合にあっては、当該その他の位置に設けるものに限る。）は、点字その他国土交通大臣が定める方法（文字等の浮き彫り/音による案内/点字及び前二号に類するもの）により視覚障害者が円滑に操作することができる構造とすること。</t>
    </r>
    <r>
      <rPr>
        <b/>
        <sz val="8"/>
        <rFont val="ＭＳ ゴシック"/>
        <family val="3"/>
        <charset val="128"/>
      </rPr>
      <t xml:space="preserve">（第18条第２項）
</t>
    </r>
    <r>
      <rPr>
        <u/>
        <sz val="8"/>
        <rFont val="ＭＳ ゴシック"/>
        <family val="3"/>
        <charset val="128"/>
      </rPr>
      <t>（エレベーター及び乗降ロビーを自動車車庫に設ける場合を除く）</t>
    </r>
    <phoneticPr fontId="1"/>
  </si>
  <si>
    <r>
      <t>不特定かつ多数の者（１以上）が利用するエレベーター
一　籠内に、籠が到着する階並びに籠及び昇降路の出入口の戸の閉鎖を音声により知らせる装置を設けること。</t>
    </r>
    <r>
      <rPr>
        <b/>
        <sz val="8"/>
        <rFont val="ＭＳ ゴシック"/>
        <family val="3"/>
        <charset val="128"/>
      </rPr>
      <t xml:space="preserve">(第７条第６項)
</t>
    </r>
    <r>
      <rPr>
        <sz val="8"/>
        <rFont val="ＭＳ ゴシック"/>
        <family val="3"/>
        <charset val="128"/>
      </rPr>
      <t>（エレベーター及び乗降ロビーを自動車車庫に設ける場合を除く）</t>
    </r>
    <phoneticPr fontId="1"/>
  </si>
  <si>
    <r>
      <t>リ　不特定かつ多数の者が利用し、又は主として視覚障害者が利用するエレベーター及び乗降ロビーにあっては、イからチまでに定めるもののほか、次に掲げるものであること。
（１）　籠内に、籠が到着する階並びに籠及び昇降路の出入口の戸の閉鎖を音声により知らせる装置を設けること。</t>
    </r>
    <r>
      <rPr>
        <b/>
        <sz val="8"/>
        <rFont val="ＭＳ ゴシック"/>
        <family val="3"/>
        <charset val="128"/>
      </rPr>
      <t xml:space="preserve">（第18条第２項）
</t>
    </r>
    <r>
      <rPr>
        <sz val="8"/>
        <rFont val="ＭＳ ゴシック"/>
        <family val="3"/>
        <charset val="128"/>
      </rPr>
      <t>（</t>
    </r>
    <r>
      <rPr>
        <u/>
        <sz val="8"/>
        <rFont val="ＭＳ ゴシック"/>
        <family val="3"/>
        <charset val="128"/>
      </rPr>
      <t>エレベーター及び乗降ロビーを自動車車庫に設ける場合を除く</t>
    </r>
    <r>
      <rPr>
        <sz val="8"/>
        <rFont val="ＭＳ ゴシック"/>
        <family val="3"/>
        <charset val="128"/>
      </rPr>
      <t>）</t>
    </r>
    <phoneticPr fontId="1"/>
  </si>
  <si>
    <r>
      <t>・出入口が２方向あるエレベーターの籠内には、扉の開く方向、階数等をわかりやすく案内する音声案内装置を設けることが望ましい</t>
    </r>
    <r>
      <rPr>
        <b/>
        <sz val="8"/>
        <color rgb="FFFF0000"/>
        <rFont val="ＭＳ ゴシック"/>
        <family val="3"/>
        <charset val="128"/>
      </rPr>
      <t>（2-103）</t>
    </r>
    <phoneticPr fontId="1"/>
  </si>
  <si>
    <r>
      <t>・主要な経路上のエレベーターの籠内には、到着する籠の昇降方向を音声により知らせる装置を設ける。（エレベーター及び乗降ロビーを自動車車庫に設ける場合を除く）</t>
    </r>
    <r>
      <rPr>
        <b/>
        <sz val="8"/>
        <rFont val="ＭＳ ゴシック"/>
        <family val="3"/>
        <charset val="128"/>
      </rPr>
      <t>（2-103）</t>
    </r>
    <phoneticPr fontId="1"/>
  </si>
  <si>
    <r>
      <t>・主要な経路上のエレベーターの乗降ロビーには、到着する籠の昇降方向を音声により知らせる装置を設ける。（エレベーター及び乗降ロビーを自動車車庫に設ける場合を除く）</t>
    </r>
    <r>
      <rPr>
        <b/>
        <sz val="8"/>
        <rFont val="ＭＳ ゴシック"/>
        <family val="3"/>
        <charset val="128"/>
      </rPr>
      <t>（2-101）</t>
    </r>
    <phoneticPr fontId="1"/>
  </si>
  <si>
    <r>
      <t>リ（３）　籠内又は乗降ロビーに、到着する籠の昇降方向を音声により知らせる装置を設けること。</t>
    </r>
    <r>
      <rPr>
        <b/>
        <sz val="8"/>
        <rFont val="ＭＳ ゴシック"/>
        <family val="3"/>
        <charset val="128"/>
      </rPr>
      <t xml:space="preserve">（第18条第２項）
</t>
    </r>
    <r>
      <rPr>
        <sz val="8"/>
        <rFont val="ＭＳ ゴシック"/>
        <family val="3"/>
        <charset val="128"/>
      </rPr>
      <t>（エレベーター及び乗降ロビーを自動車車庫に設ける場合を除く）</t>
    </r>
    <phoneticPr fontId="1"/>
  </si>
  <si>
    <r>
      <t>不特定かつ多数の者（１以上）が利用するエレベーター
三　籠内又は乗降ロビーに、到着する籠の昇降方向を音声により知らせる装置を設けること。</t>
    </r>
    <r>
      <rPr>
        <b/>
        <sz val="8"/>
        <rFont val="ＭＳ ゴシック"/>
        <family val="3"/>
        <charset val="128"/>
      </rPr>
      <t xml:space="preserve">(第７条第６項)
</t>
    </r>
    <r>
      <rPr>
        <sz val="8"/>
        <rFont val="ＭＳ ゴシック"/>
        <family val="3"/>
        <charset val="128"/>
      </rPr>
      <t>（エレベーター及び乗降ロビーを自動車車庫に設ける場合を除く）</t>
    </r>
    <rPh sb="26" eb="27">
      <t>サン</t>
    </rPh>
    <phoneticPr fontId="1"/>
  </si>
  <si>
    <t>・乗降ロビーの有効幅員及び有効奥行きは、それぞれ180センチメートル以上とすること。</t>
    <phoneticPr fontId="1"/>
  </si>
  <si>
    <r>
      <t>多数の者が利用するエレベーター
三　乗降ロビーは、高低差がないものとし、その幅及び奥行きは、150センチメートル以上とすること。</t>
    </r>
    <r>
      <rPr>
        <b/>
        <sz val="8"/>
        <rFont val="ＭＳ ゴシック"/>
        <family val="3"/>
        <charset val="128"/>
      </rPr>
      <t>(第７条第２項)</t>
    </r>
    <r>
      <rPr>
        <sz val="8"/>
        <rFont val="ＭＳ ゴシック"/>
        <family val="3"/>
        <charset val="128"/>
      </rPr>
      <t xml:space="preserve">
</t>
    </r>
    <phoneticPr fontId="1"/>
  </si>
  <si>
    <r>
      <t>不特定かつ多数の者が利用するエレベーター
三　乗降ロビーは、高低差がないものとし、その幅及び奥行きは、180センチメートル以上とすること。</t>
    </r>
    <r>
      <rPr>
        <b/>
        <sz val="8"/>
        <rFont val="ＭＳ ゴシック"/>
        <family val="3"/>
        <charset val="128"/>
      </rPr>
      <t>(第７条第５項)</t>
    </r>
    <phoneticPr fontId="1"/>
  </si>
  <si>
    <r>
      <t>・不特定多数の者が利用する建築物の1以上のエレベーターの乗降ロビーは、高低差がないものとし、その幅及び奥行きは、180cm以上とすることが望ましい。</t>
    </r>
    <r>
      <rPr>
        <b/>
        <sz val="8"/>
        <rFont val="ＭＳ ゴシック"/>
        <family val="3"/>
        <charset val="128"/>
      </rPr>
      <t>（2-98）</t>
    </r>
    <phoneticPr fontId="1"/>
  </si>
  <si>
    <t>・主要な経路上のエレベーターの乗降ロビーは、高低差がないものとし、その幅及び奥行きは、150cm以上とする。</t>
    <phoneticPr fontId="1"/>
  </si>
  <si>
    <t xml:space="preserve">・主要な経路上以外のエレベーターでも、乗降ロビーは、高低差がないものとし、その幅及び奥行きは、150cm以上とすることが望ましい
</t>
    <phoneticPr fontId="1"/>
  </si>
  <si>
    <r>
      <t>・新築の場合には、乗降ロビー付近には、下り階段・下り段差を設けない。
・乗降ロビー付近に、やむを得ず、下り階段又は下り段差を設ける場合には、車椅子使用者等の転落防止策を講じる。</t>
    </r>
    <r>
      <rPr>
        <b/>
        <sz val="8"/>
        <color rgb="FFFF0000"/>
        <rFont val="ＭＳ ゴシック"/>
        <family val="3"/>
        <charset val="128"/>
      </rPr>
      <t>（2-98）</t>
    </r>
    <phoneticPr fontId="1"/>
  </si>
  <si>
    <r>
      <t>・大規模な集会施設や劇場・競技場等、一度に多くの車椅子使用者等が集中することが想定される施設では、稼働力が低下する時間帯があるため、エレベーターの設置数、配置、籠の大きさ、出入口の幅員、乗降のしやすさ等に配慮する。</t>
    </r>
    <r>
      <rPr>
        <b/>
        <sz val="8"/>
        <color rgb="FFFF0000"/>
        <rFont val="ＭＳ ゴシック"/>
        <family val="3"/>
        <charset val="128"/>
      </rPr>
      <t>（2-98）</t>
    </r>
    <phoneticPr fontId="1"/>
  </si>
  <si>
    <r>
      <t>・籠の床と乗降ロビーの床の段は小さくし、かつ、すきまは、車椅子のキャスターが落ちないよう､3cm程度以下とする｡</t>
    </r>
    <r>
      <rPr>
        <b/>
        <sz val="8"/>
        <color rgb="FFFF0000"/>
        <rFont val="ＭＳ ゴシック"/>
        <family val="3"/>
        <charset val="128"/>
      </rPr>
      <t>（2-99）</t>
    </r>
    <phoneticPr fontId="1"/>
  </si>
  <si>
    <r>
      <t>視覚障害者が乗り場ボタンの位置を認知しやすいよう、乗り場ボタンの手前には、点状ブロック等を敷設する。</t>
    </r>
    <r>
      <rPr>
        <b/>
        <sz val="8"/>
        <color rgb="FFFF0000"/>
        <rFont val="ＭＳ ゴシック"/>
        <family val="3"/>
        <charset val="128"/>
      </rPr>
      <t>（2-101）</t>
    </r>
    <phoneticPr fontId="1"/>
  </si>
  <si>
    <r>
      <t>雨天時の利用に困難が生じないよう、屋外に面するエレベーターの出入口には、屋根又は庇を設ける。</t>
    </r>
    <r>
      <rPr>
        <b/>
        <sz val="8"/>
        <color rgb="FFFF0000"/>
        <rFont val="ＭＳ ゴシック"/>
        <family val="3"/>
        <charset val="128"/>
      </rPr>
      <t>（2-101）</t>
    </r>
    <phoneticPr fontId="1"/>
  </si>
  <si>
    <r>
      <t>籠の出入口には光電式、静電式又は超音波式等で乗客を検出し、戸閉を制御する装置を設ける。</t>
    </r>
    <r>
      <rPr>
        <b/>
        <sz val="8"/>
        <color rgb="FFFF0000"/>
        <rFont val="ＭＳ ゴシック"/>
        <family val="3"/>
        <charset val="128"/>
      </rPr>
      <t>（2-101）</t>
    </r>
    <r>
      <rPr>
        <sz val="8"/>
        <color rgb="FFFF0000"/>
        <rFont val="ＭＳ ゴシック"/>
        <family val="3"/>
        <charset val="128"/>
      </rPr>
      <t xml:space="preserve">
</t>
    </r>
    <phoneticPr fontId="1"/>
  </si>
  <si>
    <r>
      <t>光電式の場合は光電ビームを2条以上、床上20cm及び60cm程度の高さに設けることが望ましい。</t>
    </r>
    <r>
      <rPr>
        <b/>
        <sz val="8"/>
        <color rgb="FFFF0000"/>
        <rFont val="ＭＳ ゴシック"/>
        <family val="3"/>
        <charset val="128"/>
      </rPr>
      <t>（2-101）</t>
    </r>
    <phoneticPr fontId="1"/>
  </si>
  <si>
    <r>
      <t>聴覚障害者も含めた緊急時への対応に配慮すると、以下のような設備を設けることが望ましい。
・籠内に、緊急時等に情報提供や誘導案内等を行う表示装置等を設ける。
・故障が検知された場合は、故障したことが伝わるよう、自動的に籠内にその旨の表示を行うか、籠内に外部に故障を知らせるための非常ボタンを設ける。
・非常呼び出しボタンは、触覚又は点字でわかるようにすることが求められる
・籠内に、緊急時に聴覚障害者が外部と連絡を取ることが可能な（緊急連絡を必要としている者が聴覚障害者であることが判別できる）ボタンを設置する。
・地震、火災、停電時管制運転を備えたエレベーターを設置する場合には、音声及び文字で管制運転により停止した旨を知らせる装置を設ける。</t>
    </r>
    <r>
      <rPr>
        <b/>
        <sz val="8"/>
        <color rgb="FFFF0000"/>
        <rFont val="ＭＳ ゴシック"/>
        <family val="3"/>
        <charset val="128"/>
      </rPr>
      <t>（2-104）</t>
    </r>
    <phoneticPr fontId="1"/>
  </si>
  <si>
    <r>
      <t>・高齢者、障害者等の安全性を高めるため、エスカレーターの乗降口には、乗降口誘導用固定手すりを設ける。
※固定手すりを設ける場合エスカレーターの移動手すりとの間が狭いと、人や物が巻き込まれる危険性があるため、固定手すりの取り付け位置は、十分に検討する必要がある。（固定手すりを移動手すりの外側に一部重なるように設けることにより、この危険性を少なくすることができる）</t>
    </r>
    <r>
      <rPr>
        <b/>
        <sz val="8"/>
        <color rgb="FFFF0000"/>
        <rFont val="ＭＳ ゴシック"/>
        <family val="3"/>
        <charset val="128"/>
      </rPr>
      <t>（2-106）</t>
    </r>
    <phoneticPr fontId="1"/>
  </si>
  <si>
    <r>
      <t>・乗降口誘導固定手すりの長さは、100cm以上とすることが望ましい</t>
    </r>
    <r>
      <rPr>
        <b/>
        <sz val="8"/>
        <color rgb="FFFF0000"/>
        <rFont val="ＭＳ ゴシック"/>
        <family val="3"/>
        <charset val="128"/>
      </rPr>
      <t>（2-106）</t>
    </r>
    <phoneticPr fontId="1"/>
  </si>
  <si>
    <r>
      <t>・踏段の水平部分は、3枚程度とすることが望ましい。
・定常段差に達するまでの踏段は、5枚程度とすることが望ましい。</t>
    </r>
    <r>
      <rPr>
        <b/>
        <sz val="8"/>
        <color rgb="FFFF0000"/>
        <rFont val="ＭＳ ゴシック"/>
        <family val="3"/>
        <charset val="128"/>
      </rPr>
      <t>（2-106）</t>
    </r>
    <phoneticPr fontId="1"/>
  </si>
  <si>
    <r>
      <t>・乗降口の足元に照明を配置する等、乗り口、降り口をわかりやすくする。
・踏段端部の縁取り等により、踏段相互を認知しやすくする。
・踏段の表面は、滑りにくい材料で仕上げる。</t>
    </r>
    <r>
      <rPr>
        <b/>
        <sz val="8"/>
        <color rgb="FFFF0000"/>
        <rFont val="ＭＳ ゴシック"/>
        <family val="3"/>
        <charset val="128"/>
      </rPr>
      <t>（2-106）</t>
    </r>
    <phoneticPr fontId="1"/>
  </si>
  <si>
    <r>
      <t>・くし板の表面は、滑りにくい材料で仕上げる。</t>
    </r>
    <r>
      <rPr>
        <b/>
        <sz val="8"/>
        <color rgb="FFFF0000"/>
        <rFont val="ＭＳ ゴシック"/>
        <family val="3"/>
        <charset val="128"/>
      </rPr>
      <t>（2-106）</t>
    </r>
    <phoneticPr fontId="1"/>
  </si>
  <si>
    <r>
      <t>・視覚障害者に対し警告を行うため、エスカレーターの乗降口部には、点状ブロック等を敷設するか、乗降を誘導する音声案内装置を設ける。
・点状ブロック等は、エスカレーター乗り口、降り口部のランディングプレートから30cm程度離し、固定手すりの内側に敷設する。</t>
    </r>
    <r>
      <rPr>
        <b/>
        <sz val="8"/>
        <color rgb="FFFF0000"/>
        <rFont val="ＭＳ ゴシック"/>
        <family val="3"/>
        <charset val="128"/>
      </rPr>
      <t>（2-106）</t>
    </r>
    <phoneticPr fontId="1"/>
  </si>
  <si>
    <r>
      <t>・複合的商業施設、百貨店等の大規模建築物等では、エスカレーターの乗降口付近に、音声案内装置を設けることが望ましい</t>
    </r>
    <r>
      <rPr>
        <b/>
        <sz val="8"/>
        <color rgb="FFFF0000"/>
        <rFont val="ＭＳ ゴシック"/>
        <family val="3"/>
        <charset val="128"/>
      </rPr>
      <t>（2-106）</t>
    </r>
    <phoneticPr fontId="1"/>
  </si>
  <si>
    <r>
      <t>乗降口付近に、非常停止ボタンを設ける。</t>
    </r>
    <r>
      <rPr>
        <b/>
        <sz val="8"/>
        <color rgb="FFFF0000"/>
        <rFont val="ＭＳ ゴシック"/>
        <family val="3"/>
        <charset val="128"/>
      </rPr>
      <t>（2-107）</t>
    </r>
    <phoneticPr fontId="1"/>
  </si>
  <si>
    <r>
      <t>・乗降口付近に、係員の呼び出しインターホンを設ける。</t>
    </r>
    <r>
      <rPr>
        <b/>
        <sz val="8"/>
        <color rgb="FFFF0000"/>
        <rFont val="ＭＳ ゴシック"/>
        <family val="3"/>
        <charset val="128"/>
      </rPr>
      <t>（2-107）</t>
    </r>
    <phoneticPr fontId="1"/>
  </si>
  <si>
    <r>
      <t>・エスカレーターの付近には、エスカレーターがあることを表示する表示板（標識）を設ける。
・車椅子使用者対応エスカレーターの付近には、車椅子使用者対応エスカレーターがあることを表示する表示板（標識）を設ける。
・表示板は、高齢者、障害者等の見やすい位置に設ける。
・表示板は、ピクトグラム等の表示すべき内容が容易に識別できるもの（当該内容がJISZ 8210 案内用図記号に定められているときは、これに適合するもの）とする。</t>
    </r>
    <r>
      <rPr>
        <b/>
        <sz val="8"/>
        <color rgb="FFFF0000"/>
        <rFont val="ＭＳ ゴシック"/>
        <family val="3"/>
        <charset val="128"/>
      </rPr>
      <t>（2-107）</t>
    </r>
    <phoneticPr fontId="1"/>
  </si>
  <si>
    <r>
      <t>エスカレーター利用時のはさまれ事故、転倒・転落事故を防止するために、利用者の注意を喚起する表示板等を設けることが望ましい。</t>
    </r>
    <r>
      <rPr>
        <b/>
        <sz val="8"/>
        <color rgb="FFFF0000"/>
        <rFont val="ＭＳ ゴシック"/>
        <family val="3"/>
        <charset val="128"/>
      </rPr>
      <t xml:space="preserve">（2-107）
</t>
    </r>
    <r>
      <rPr>
        <sz val="8"/>
        <color rgb="FFFF0000"/>
        <rFont val="ＭＳ ゴシック"/>
        <family val="3"/>
        <charset val="128"/>
      </rPr>
      <t>留意点；エスカレーター事故防止
・踏段端部や蹴込み部分両端部は黄色系でわかりやすく表示する。
・エスカレーターの速度についても用途に応じてスピードを落とす等、安全な運行管理に十分留意する。
・事故を誘発するエスカレーター内での歩行を禁止する十分な注意喚起が望まれる。そのための案内表示が必要である。</t>
    </r>
    <r>
      <rPr>
        <b/>
        <sz val="8"/>
        <color rgb="FFFF0000"/>
        <rFont val="ＭＳ ゴシック"/>
        <family val="3"/>
        <charset val="128"/>
      </rPr>
      <t>（2-107）</t>
    </r>
    <rPh sb="70" eb="73">
      <t>リュウイテン</t>
    </rPh>
    <phoneticPr fontId="1"/>
  </si>
  <si>
    <r>
      <t>・利用者の状況に対応し、介助スペースを確保することができるよう、脱衣のためのベンチを床に固定することは避ける。
・脱衣のためのベンチ座面の高さは床から40～45㎝程度、幅は180㎝程度以上、奥行き60㎝程度以上とする。
・脱衣のためのベンチ表面の仕上げはクッション材付きとし、滑りにくく耐水性のあるものとする。</t>
    </r>
    <r>
      <rPr>
        <b/>
        <sz val="8"/>
        <color rgb="FFFF0000"/>
        <rFont val="ＭＳ ゴシック"/>
        <family val="3"/>
        <charset val="128"/>
      </rPr>
      <t>(2-201)</t>
    </r>
    <phoneticPr fontId="1"/>
  </si>
  <si>
    <r>
      <t>・弱視者（ロービジョン）や色覚多様性のある人の視認性や、高齢者のわかりやすさを確保するため、脱衣のためのベンチと壁・床の仕上げ材料は、ベンチと壁・床の色の明度、色相又は彩度の差の確保に配慮して選定することが望ましい。</t>
    </r>
    <r>
      <rPr>
        <b/>
        <sz val="8"/>
        <color rgb="FFFF0000"/>
        <rFont val="ＭＳ ゴシック"/>
        <family val="3"/>
        <charset val="128"/>
      </rPr>
      <t>(2-201)</t>
    </r>
    <phoneticPr fontId="1"/>
  </si>
  <si>
    <r>
      <t>(収納棚・ロッカー等)
・車椅子使用者の脱衣・更衣等のスペースの近くに、車椅子使用者用の収納棚やロッカー等を設ける。</t>
    </r>
    <r>
      <rPr>
        <b/>
        <sz val="8"/>
        <color rgb="FFFF0000"/>
        <rFont val="ＭＳ ゴシック"/>
        <family val="3"/>
        <charset val="128"/>
      </rPr>
      <t>(2-200)</t>
    </r>
    <r>
      <rPr>
        <sz val="8"/>
        <color rgb="FFFF0000"/>
        <rFont val="ＭＳ ゴシック"/>
        <family val="3"/>
        <charset val="128"/>
      </rPr>
      <t xml:space="preserve">
・収納棚の高さは、下端：床から30㎝程度、上端：床から120㎝程度とする。
・ロッカー等のハンガーパイプやフックの高さは、床から120cm程度の低い位置とするか、高さの調節ができるものとする。
・収納棚等の奥行きは、60㎝程度とする。
・収納棚等の形状は、下部に車椅子のフットレストが入るものとする。</t>
    </r>
    <r>
      <rPr>
        <b/>
        <sz val="8"/>
        <color rgb="FFFF0000"/>
        <rFont val="ＭＳ ゴシック"/>
        <family val="3"/>
        <charset val="128"/>
      </rPr>
      <t>(2-201)</t>
    </r>
    <phoneticPr fontId="1"/>
  </si>
  <si>
    <r>
      <t>(乳幼児連れ利用者への配慮)
・不特定多数の利用者が利用する脱衣室・更衣室には、1以上（男女の別があるときはそれぞれ１以上）の乳幼児用おむつ交換台を設ける</t>
    </r>
    <r>
      <rPr>
        <b/>
        <sz val="8"/>
        <color rgb="FFFF0000"/>
        <rFont val="ＭＳ ゴシック"/>
        <family val="3"/>
        <charset val="128"/>
      </rPr>
      <t>(2-202)</t>
    </r>
    <phoneticPr fontId="1"/>
  </si>
  <si>
    <r>
      <t>(車椅子使用者用便房)
・不特定多数の利用者が利用する脱衣室・更衣室に車椅子使用者用の脱衣・更衣スペース等を設ける場合には、脱衣室・更衣室内、又は脱衣室・更衣室の近くに、1以上の車椅子使用者用便房を設ける。</t>
    </r>
    <r>
      <rPr>
        <b/>
        <sz val="8"/>
        <color rgb="FFFF0000"/>
        <rFont val="ＭＳ ゴシック"/>
        <family val="3"/>
        <charset val="128"/>
      </rPr>
      <t>(2-201)</t>
    </r>
    <phoneticPr fontId="1"/>
  </si>
  <si>
    <r>
      <t>(緊急時対応設備)
・緊急通報ボタンを適切な位置に設ける。</t>
    </r>
    <r>
      <rPr>
        <b/>
        <sz val="8"/>
        <color rgb="FFFF0000"/>
        <rFont val="ＭＳ ゴシック"/>
        <family val="3"/>
        <charset val="128"/>
      </rPr>
      <t>(2-195)</t>
    </r>
    <phoneticPr fontId="1"/>
  </si>
  <si>
    <r>
      <t>・緊急通報ボタンは、床に転倒したときにも届くよう、側壁面の低い位置にも設けることが望ましい。
・緊急通報ボタンは、ループやひもをつけたものとすることが望ましい。</t>
    </r>
    <r>
      <rPr>
        <b/>
        <sz val="8"/>
        <color rgb="FFFF0000"/>
        <rFont val="ＭＳ ゴシック"/>
        <family val="3"/>
        <charset val="128"/>
      </rPr>
      <t>(2-195)</t>
    </r>
    <phoneticPr fontId="1"/>
  </si>
  <si>
    <r>
      <t>・浴槽の縁には、車椅子から移乗できる移乗台を設ける。移乗台の高さ及び奥行きは、浴槽と同程度とし、幅は45㎝以上とする。移乗台は取り外し可能なものでもよい。</t>
    </r>
    <r>
      <rPr>
        <b/>
        <sz val="8"/>
        <rFont val="ＭＳ ゴシック"/>
        <family val="3"/>
        <charset val="128"/>
      </rPr>
      <t>(2-195)</t>
    </r>
    <phoneticPr fontId="1"/>
  </si>
  <si>
    <r>
      <t xml:space="preserve">・シャワーヘッドは垂直に取り付けられたバーに沿ってスライドし高さを調整できるものか、上下２箇所の使いやすい位置に、ヘッド掛けを設けたものとする。
</t>
    </r>
    <r>
      <rPr>
        <b/>
        <sz val="8"/>
        <color rgb="FFFF0000"/>
        <rFont val="ＭＳ ゴシック"/>
        <family val="3"/>
        <charset val="128"/>
      </rPr>
      <t>(2-195)</t>
    </r>
    <phoneticPr fontId="1"/>
  </si>
  <si>
    <r>
      <t>シャワーホースの長さは150cm以上とすることが望ましい。</t>
    </r>
    <r>
      <rPr>
        <b/>
        <sz val="8"/>
        <color rgb="FFFF0000"/>
        <rFont val="ＭＳ ゴシック"/>
        <family val="3"/>
        <charset val="128"/>
      </rPr>
      <t>(2-195)</t>
    </r>
    <phoneticPr fontId="1"/>
  </si>
  <si>
    <r>
      <t>・サーモスタット（自動温度調節器）には、適温の箇所に認知しやすい印等をつける。</t>
    </r>
    <r>
      <rPr>
        <b/>
        <sz val="8"/>
        <color rgb="FFFF0000"/>
        <rFont val="ＭＳ ゴシック"/>
        <family val="3"/>
        <charset val="128"/>
      </rPr>
      <t>(2-194)</t>
    </r>
    <phoneticPr fontId="1"/>
  </si>
  <si>
    <r>
      <t>・洗い場での動作や、とっさの時に、水栓金具で怪我をしないよう取り付け方法、取り付け位置、水栓金具の形状に配慮する。</t>
    </r>
    <r>
      <rPr>
        <b/>
        <sz val="8"/>
        <color rgb="FFFF0000"/>
        <rFont val="ＭＳ ゴシック"/>
        <family val="3"/>
        <charset val="128"/>
      </rPr>
      <t>(2-193)</t>
    </r>
    <phoneticPr fontId="1"/>
  </si>
  <si>
    <r>
      <t>・洗い場には、シャワー使用中の体を支えるため、又は立ち座り動作のための手すりを設ける。
・浴槽への移乗台付近には、出入りのための手すりを設ける。</t>
    </r>
    <r>
      <rPr>
        <b/>
        <sz val="8"/>
        <color rgb="FFFF0000"/>
        <rFont val="ＭＳ ゴシック"/>
        <family val="3"/>
        <charset val="128"/>
      </rPr>
      <t>（2-195）</t>
    </r>
    <phoneticPr fontId="1"/>
  </si>
  <si>
    <r>
      <t>・浴槽に入るための階段付近には、出入りのための手すりを設ける。</t>
    </r>
    <r>
      <rPr>
        <b/>
        <sz val="8"/>
        <color rgb="FFFF0000"/>
        <rFont val="ＭＳ ゴシック"/>
        <family val="3"/>
        <charset val="128"/>
      </rPr>
      <t>(2-194)</t>
    </r>
    <r>
      <rPr>
        <sz val="8"/>
        <color rgb="FFFF0000"/>
        <rFont val="ＭＳ ゴシック"/>
        <family val="3"/>
        <charset val="128"/>
      </rPr>
      <t xml:space="preserve">
・必要に応じ、洗い場から浴槽の周囲に、手すりを連続して設ける。</t>
    </r>
    <phoneticPr fontId="1"/>
  </si>
  <si>
    <r>
      <t>・貸し切り浴室では、浴槽内での立ち座りのための手すりを設ける。</t>
    </r>
    <r>
      <rPr>
        <b/>
        <sz val="8"/>
        <color rgb="FFFF0000"/>
        <rFont val="ＭＳ ゴシック"/>
        <family val="3"/>
        <charset val="128"/>
      </rPr>
      <t>(2-195)</t>
    </r>
    <phoneticPr fontId="1"/>
  </si>
  <si>
    <r>
      <t>浴槽内にも手すりを設けることが望ましい。</t>
    </r>
    <r>
      <rPr>
        <b/>
        <sz val="8"/>
        <color rgb="FFFF0000"/>
        <rFont val="ＭＳ ゴシック"/>
        <family val="3"/>
        <charset val="128"/>
      </rPr>
      <t>（2-195）</t>
    </r>
    <phoneticPr fontId="1"/>
  </si>
  <si>
    <r>
      <t>・手すりは原則として水平及び垂直に取り付ける。段がある場合には、斜めに手すりを取り付けることができる。</t>
    </r>
    <r>
      <rPr>
        <b/>
        <sz val="8"/>
        <color rgb="FFFF0000"/>
        <rFont val="ＭＳ ゴシック"/>
        <family val="3"/>
        <charset val="128"/>
      </rPr>
      <t>(2-194)</t>
    </r>
    <phoneticPr fontId="1"/>
  </si>
  <si>
    <r>
      <t>・弱視者（ロービジョン）や色弱者の視認性や、高齢者のわかりやすさを確保するため、浴槽、水栓金具、洗面器等の部品・設備等と壁の仕上げ材料は、部品・設備等と壁の色の明度、色相又は彩度の差の確保に配慮して選定することが望ましい。</t>
    </r>
    <r>
      <rPr>
        <b/>
        <sz val="8"/>
        <color rgb="FFFF0000"/>
        <rFont val="ＭＳ ゴシック"/>
        <family val="3"/>
        <charset val="128"/>
      </rPr>
      <t>(2-193)</t>
    </r>
    <phoneticPr fontId="1"/>
  </si>
  <si>
    <r>
      <t>・出入口前後には、車椅子使用者が直進でき、方向転回できるよう、140cm角以上の水平なスペースを設ける。</t>
    </r>
    <r>
      <rPr>
        <b/>
        <sz val="8"/>
        <color rgb="FFFF0000"/>
        <rFont val="ＭＳ ゴシック"/>
        <family val="3"/>
        <charset val="128"/>
      </rPr>
      <t>(2-194)</t>
    </r>
    <phoneticPr fontId="1"/>
  </si>
  <si>
    <r>
      <t>貸し切り浴室では、浴槽の床が滑りにくいよう、床マットを貸し出すことができるよう準備する。</t>
    </r>
    <r>
      <rPr>
        <b/>
        <sz val="8"/>
        <color rgb="FFFF0000"/>
        <rFont val="ＭＳ ゴシック"/>
        <family val="3"/>
        <charset val="128"/>
      </rPr>
      <t>(2-195)</t>
    </r>
    <phoneticPr fontId="1"/>
  </si>
  <si>
    <r>
      <t>・浴室用車椅子等での移動の妨げにならないよう、床は水はけの良い材料で仕上げ、可能な限り排水勾配を緩やかにする。</t>
    </r>
    <r>
      <rPr>
        <b/>
        <sz val="8"/>
        <color rgb="FFFF0000"/>
        <rFont val="ＭＳ ゴシック"/>
        <family val="3"/>
        <charset val="128"/>
      </rPr>
      <t>(2-194)</t>
    </r>
    <phoneticPr fontId="1"/>
  </si>
  <si>
    <r>
      <t>シャンプー・リンス・ボディソープ等の容器は、視覚障害者が手で触れて区別することのできるものを設けることが望ましい。</t>
    </r>
    <r>
      <rPr>
        <b/>
        <sz val="8"/>
        <color rgb="FFFF0000"/>
        <rFont val="ＭＳ ゴシック"/>
        <family val="3"/>
        <charset val="128"/>
      </rPr>
      <t>(2-194)</t>
    </r>
    <phoneticPr fontId="1"/>
  </si>
  <si>
    <r>
      <t>2以上の出入口を併設する場合には、そのうち1以上の出入口の有効幅員は、90cm以上とすることが望ましい。</t>
    </r>
    <r>
      <rPr>
        <b/>
        <sz val="8"/>
        <color rgb="FFFF0000"/>
        <rFont val="ＭＳ ゴシック"/>
        <family val="3"/>
        <charset val="128"/>
      </rPr>
      <t>（2-152）</t>
    </r>
    <phoneticPr fontId="1"/>
  </si>
  <si>
    <r>
      <t>出入口前後には、車椅子使用者が直進でき、方向転回できるよう、140㎝角以上の水平なスペースを設ける。</t>
    </r>
    <r>
      <rPr>
        <b/>
        <sz val="8"/>
        <color rgb="FFFF0000"/>
        <rFont val="ＭＳ ゴシック"/>
        <family val="3"/>
        <charset val="128"/>
      </rPr>
      <t>（2-152）</t>
    </r>
    <phoneticPr fontId="1"/>
  </si>
  <si>
    <r>
      <t xml:space="preserve">・戸を設ける場合には、自動的に開閉する構造その他の車椅子使用者が容易に開閉して通過できる構造とし、かつ、その前後に高低差がないものとする。
</t>
    </r>
    <r>
      <rPr>
        <b/>
        <sz val="8"/>
        <color rgb="FFFF0000"/>
        <rFont val="ＭＳ ゴシック"/>
        <family val="3"/>
        <charset val="128"/>
      </rPr>
      <t>（2-152）</t>
    </r>
    <phoneticPr fontId="1"/>
  </si>
  <si>
    <r>
      <t>・衝突等の危険防止のため、プライバシー上の問題がある場合等を除き、戸には、戸の反対側の様子がわかる窓を設けることが望ましい。
・戸に設ける窓は、立位の利用者のほか、車椅子使用者や子ども等の存在がわかる高さ・位置とする。
・ガラス戸の場合は、床から高さ35㎝程度までの部分を、車椅子のフットサポートあたりとして補強することが望ましい。</t>
    </r>
    <r>
      <rPr>
        <b/>
        <sz val="8"/>
        <color rgb="FFFF0000"/>
        <rFont val="ＭＳ ゴシック"/>
        <family val="3"/>
        <charset val="128"/>
      </rPr>
      <t xml:space="preserve">（2-152）
</t>
    </r>
    <r>
      <rPr>
        <sz val="8"/>
        <color rgb="FFFF0000"/>
        <rFont val="ＭＳ ゴシック"/>
        <family val="3"/>
        <charset val="128"/>
      </rPr>
      <t>・弱視者（ロービジョン）や色覚多様性のある人の視認性や、高齢者のわかりやすさを確保するため、戸及び取っ手は、戸と壁の色、又は取っ手と戸の色の明度、色相又は彩度の差の確保に配慮して選定することが望ましい</t>
    </r>
    <r>
      <rPr>
        <b/>
        <sz val="8"/>
        <color rgb="FFFF0000"/>
        <rFont val="ＭＳ ゴシック"/>
        <family val="3"/>
        <charset val="128"/>
      </rPr>
      <t>（2-153）</t>
    </r>
    <phoneticPr fontId="1"/>
  </si>
  <si>
    <r>
      <t>（自動式引き戸）
・車椅子使用者の通過を妨げるような敷居や溝を設けない。
・取っ手は、棒状のものとする。
・取っ手の中心高さは、床から90㎝程度とする。</t>
    </r>
    <r>
      <rPr>
        <b/>
        <sz val="8"/>
        <color rgb="FFFF0000"/>
        <rFont val="ＭＳ ゴシック"/>
        <family val="3"/>
        <charset val="128"/>
      </rPr>
      <t>（2-153）</t>
    </r>
    <rPh sb="1" eb="3">
      <t>ジドウ</t>
    </rPh>
    <rPh sb="3" eb="4">
      <t>シキ</t>
    </rPh>
    <rPh sb="4" eb="5">
      <t>ヒ</t>
    </rPh>
    <rPh sb="6" eb="7">
      <t>ド</t>
    </rPh>
    <phoneticPr fontId="1"/>
  </si>
  <si>
    <r>
      <t>（開き戸）
・取っ手は、大きく操作性の良いレバーハンドル式、プッシュプルハンドル式又はパニックバー形式のものとする。（握り玉タイプのものは、高齢者、障害者等には使いにくいため使用しない。）
・取っ手の設置高さは、床から90㎝程度とする。</t>
    </r>
    <r>
      <rPr>
        <b/>
        <sz val="8"/>
        <color rgb="FFFF0000"/>
        <rFont val="ＭＳ ゴシック"/>
        <family val="3"/>
        <charset val="128"/>
      </rPr>
      <t>（2-154）</t>
    </r>
    <phoneticPr fontId="1"/>
  </si>
  <si>
    <r>
      <t xml:space="preserve">
・車椅子使用者の開閉動作等がしやすいよう、取っ手側には袖壁を設け、戸の前後には十分なスペースを設けることが望ましい。
・ドアクローザーは、閉めはじめはゆっくり閉まる等、閉鎖作動時間が十分に確保され、かつ軽い力で操作できるものとする。
・ドアクローザーを設ける場合は、開閉速度が調整できるものが良い。
・廊下の側面に、通路等に向かって開く戸を設ける場合には、当該戸の開閉により高齢者、障害者等の通行の安全上支障がないよう、必要な措置（十分なスペース（アルコーブ等）を設ける等）を講ずることが望ましい。
・自動式開き戸は、突然開いたドアに衝突する危険があるため、使用しないことが望ましい。</t>
    </r>
    <r>
      <rPr>
        <b/>
        <sz val="8"/>
        <color rgb="FFFF0000"/>
        <rFont val="ＭＳ ゴシック"/>
        <family val="3"/>
        <charset val="128"/>
      </rPr>
      <t>（2-153）</t>
    </r>
    <phoneticPr fontId="1"/>
  </si>
  <si>
    <r>
      <t>・客室や、視覚障害者の利用が多い用途の利用居室の室名表示は、文字の浮き彫りとする、又は点字を併記する等、視覚障害者の利用に配慮したものとする。
・案内表示を見る人と出入りする人がぶつからないよう配慮し、取っ手側の室名表示は扉から30cm程度はなす。</t>
    </r>
    <r>
      <rPr>
        <b/>
        <sz val="8"/>
        <color rgb="FFFF0000"/>
        <rFont val="ＭＳ ゴシック"/>
        <family val="3"/>
        <charset val="128"/>
      </rPr>
      <t>（2-155）</t>
    </r>
    <rPh sb="73" eb="75">
      <t>アンナイ</t>
    </rPh>
    <rPh sb="75" eb="77">
      <t>ヒョウジ</t>
    </rPh>
    <rPh sb="78" eb="79">
      <t>ミ</t>
    </rPh>
    <rPh sb="80" eb="81">
      <t>ヒト</t>
    </rPh>
    <rPh sb="82" eb="84">
      <t>デイ</t>
    </rPh>
    <rPh sb="87" eb="88">
      <t>ヒト</t>
    </rPh>
    <rPh sb="97" eb="99">
      <t>ハイリョ</t>
    </rPh>
    <rPh sb="101" eb="102">
      <t>ト</t>
    </rPh>
    <rPh sb="103" eb="104">
      <t>テ</t>
    </rPh>
    <rPh sb="104" eb="105">
      <t>ガワ</t>
    </rPh>
    <rPh sb="106" eb="108">
      <t>シツメイ</t>
    </rPh>
    <rPh sb="108" eb="110">
      <t>ヒョウジ</t>
    </rPh>
    <rPh sb="111" eb="112">
      <t>トビラ</t>
    </rPh>
    <rPh sb="118" eb="120">
      <t>テイド</t>
    </rPh>
    <phoneticPr fontId="1"/>
  </si>
  <si>
    <r>
      <t>・廊下等に手すりを設ける場合には、施設用途を考慮した上で、点字による室名表示を手すりに設けることが望ましい。</t>
    </r>
    <r>
      <rPr>
        <b/>
        <sz val="8"/>
        <color rgb="FFFF0000"/>
        <rFont val="ＭＳ ゴシック"/>
        <family val="3"/>
        <charset val="128"/>
      </rPr>
      <t>（2-155）</t>
    </r>
    <phoneticPr fontId="1"/>
  </si>
  <si>
    <r>
      <t>ホテル又は旅館には、</t>
    </r>
    <r>
      <rPr>
        <u/>
        <sz val="8"/>
        <rFont val="ＭＳ ゴシック"/>
        <family val="3"/>
        <charset val="128"/>
      </rPr>
      <t>客室の総数が50以上の場合は、</t>
    </r>
    <r>
      <rPr>
        <sz val="8"/>
        <rFont val="ＭＳ ゴシック"/>
        <family val="3"/>
        <charset val="128"/>
      </rPr>
      <t>車椅子使用者が円滑に利用できる客室（以下「車椅子使用者用客室」という。）を客室の総数に100分の１を乗じて得た数（その数に１未満の端数があるときは、その端数を切り上げた数）以上設けなければならない。</t>
    </r>
    <r>
      <rPr>
        <b/>
        <sz val="8"/>
        <rFont val="ＭＳ ゴシック"/>
        <family val="3"/>
        <charset val="128"/>
      </rPr>
      <t>（第15条）</t>
    </r>
    <r>
      <rPr>
        <sz val="8"/>
        <rFont val="ＭＳ ゴシック"/>
        <family val="3"/>
        <charset val="128"/>
      </rPr>
      <t>　</t>
    </r>
    <phoneticPr fontId="1"/>
  </si>
  <si>
    <r>
      <rPr>
        <u/>
        <sz val="8"/>
        <rFont val="ＭＳ ゴシック"/>
        <family val="3"/>
        <charset val="128"/>
      </rPr>
      <t>客室総数が50以上の場合は、</t>
    </r>
    <r>
      <rPr>
        <sz val="8"/>
        <rFont val="ＭＳ ゴシック"/>
        <family val="3"/>
        <charset val="128"/>
      </rPr>
      <t>客室総数の1/100を乗じて得た数（1未満の端数が生じたときは、これを切り上げて得た数）以上の車椅子使用者用客室を設ける。</t>
    </r>
    <r>
      <rPr>
        <b/>
        <sz val="8"/>
        <rFont val="ＭＳ ゴシック"/>
        <family val="3"/>
        <charset val="128"/>
      </rPr>
      <t>（2-159）</t>
    </r>
    <phoneticPr fontId="1"/>
  </si>
  <si>
    <t>・客室総数が200以下の場合は、客室総数に1/50を乗じて得た数以上、客室総数が200を超える場合は、客室総数に1/100を乗じて得た数に2を加えた数以上の車椅子使用者用客室を設けることが望ましい。
また、バリアフリー法第17条に基づく建築物特定施設とする場合は、これに適合させた客室数以上の車椅子使用者用客室を設ける。</t>
    <phoneticPr fontId="1"/>
  </si>
  <si>
    <r>
      <t>・客室総数が50未満の場合は、1以上の車椅子使用者用客室を設けることが望ましい。</t>
    </r>
    <r>
      <rPr>
        <b/>
        <sz val="8"/>
        <rFont val="ＭＳ ゴシック"/>
        <family val="3"/>
        <charset val="128"/>
      </rPr>
      <t>（2-159）</t>
    </r>
    <phoneticPr fontId="1"/>
  </si>
  <si>
    <r>
      <t>・車椅子使用者の戸の開閉のため、客室出入口の戸が内開き戸や引き戸の場合には、戸の取っ手側に、袖壁の幅45cm程度以上の接近スペースを設けることが望ましい。</t>
    </r>
    <r>
      <rPr>
        <b/>
        <sz val="8"/>
        <color rgb="FFFF0000"/>
        <rFont val="ＭＳ ゴシック"/>
        <family val="3"/>
        <charset val="128"/>
      </rPr>
      <t xml:space="preserve">（2-159）
</t>
    </r>
    <r>
      <rPr>
        <sz val="8"/>
        <rFont val="ＭＳ ゴシック"/>
        <family val="3"/>
        <charset val="128"/>
      </rPr>
      <t/>
    </r>
    <phoneticPr fontId="1"/>
  </si>
  <si>
    <r>
      <t>・取っ手の中心高さは、床から90㎝程度とする。
・室名表示、避難情報及び避難経路の表示等は、床から140cm程度の高さ（車椅子使用者の見やすさに配慮した高さ）に設ける。</t>
    </r>
    <r>
      <rPr>
        <b/>
        <sz val="8"/>
        <color rgb="FFFF0000"/>
        <rFont val="ＭＳ ゴシック"/>
        <family val="3"/>
        <charset val="128"/>
      </rPr>
      <t>（2-161）</t>
    </r>
    <phoneticPr fontId="1"/>
  </si>
  <si>
    <r>
      <t>・アイスコープは、一般客室と同じ高さの他に、床から100～120cm程度（車椅子使用者の目線の高さ）程度の高さに設けることが望ましい。又は、戸の付近にカメラ付きインターホンを設けることが望ましい。</t>
    </r>
    <r>
      <rPr>
        <b/>
        <sz val="8"/>
        <color rgb="FFFF0000"/>
        <rFont val="ＭＳ ゴシック"/>
        <family val="3"/>
        <charset val="128"/>
      </rPr>
      <t>（2-161）</t>
    </r>
    <phoneticPr fontId="1"/>
  </si>
  <si>
    <r>
      <t>錠（電気錠を含む）は、施錠の操作がしやすいものとし、操作がしやすい高さに設けるとともに、緊急の場合には廊下側からも解錠できるものとする。</t>
    </r>
    <r>
      <rPr>
        <b/>
        <sz val="8"/>
        <color rgb="FFFF0000"/>
        <rFont val="ＭＳ ゴシック"/>
        <family val="3"/>
        <charset val="128"/>
      </rPr>
      <t>（2-162）</t>
    </r>
    <phoneticPr fontId="1"/>
  </si>
  <si>
    <r>
      <t>非接触型カード錠のカードリーダは、床から100～120cm程度の高さに設けることが望ましい。</t>
    </r>
    <r>
      <rPr>
        <b/>
        <sz val="8"/>
        <color rgb="FFFF0000"/>
        <rFont val="ＭＳ ゴシック"/>
        <family val="3"/>
        <charset val="128"/>
      </rPr>
      <t>（2-162）</t>
    </r>
    <phoneticPr fontId="1"/>
  </si>
  <si>
    <r>
      <t>・車椅子の操作が困難になるような毛足の長い絨毯を、床の全面に使用することは避ける。</t>
    </r>
    <r>
      <rPr>
        <b/>
        <sz val="8"/>
        <color rgb="FFFF0000"/>
        <rFont val="ＭＳ ゴシック"/>
        <family val="3"/>
        <charset val="128"/>
      </rPr>
      <t>（2-167）</t>
    </r>
    <phoneticPr fontId="1"/>
  </si>
  <si>
    <r>
      <t>・客室内における便所・浴室等の出入口付近の通路は、車椅子使用者が円滑に利用できるよう、十分な有効幅員を確保する。</t>
    </r>
    <r>
      <rPr>
        <sz val="8"/>
        <color rgb="FFFF0000"/>
        <rFont val="ＭＳ ゴシック"/>
        <family val="3"/>
        <charset val="128"/>
      </rPr>
      <t>なお、便所・浴室等の出入口（有効幅員80㎝以上）に至る車椅子使用者の経路が直角路となる場合には、便所・浴室等の出入口付近における通路の有効幅員は、100cm以上とする。</t>
    </r>
    <r>
      <rPr>
        <b/>
        <sz val="8"/>
        <rFont val="ＭＳ ゴシック"/>
        <family val="3"/>
        <charset val="128"/>
      </rPr>
      <t>（2-159）</t>
    </r>
    <phoneticPr fontId="1"/>
  </si>
  <si>
    <r>
      <t>・客室内には、車椅子使用者が360°回転できるよう、直径150㎝以上の円が内接できるスペース又は車椅子使用者が180°転回（方向転換）できるよう、140cm以上×140cm以上のスペースを、1以上設ける。（家具等の下部に車椅子のフットサポートに乗せた足が通過できるスペースが確保されていれば、その部分も有効スペースとする。）ベッドの移動等、客室のレイアウトの変更による対応でもよい。
・車椅子使用者がベッドに移乗できるよう、ベッド側面のスペースの有効幅員は、80cm以上とする。（ベッド、テーブルや椅子等の移動によって確保されるスペースも、有効幅員とするが、この場合は施設管理者側の移動作業が増大することに留意する必要がある。）</t>
    </r>
    <r>
      <rPr>
        <b/>
        <sz val="8"/>
        <color rgb="FFFF0000"/>
        <rFont val="ＭＳ ゴシック"/>
        <family val="3"/>
        <charset val="128"/>
      </rPr>
      <t>（2-160）</t>
    </r>
    <phoneticPr fontId="1"/>
  </si>
  <si>
    <r>
      <t>・客室の床には、原則として段差を設けない。客室の一部に和室や畳の小上がりスペース等を設ける場合、車椅子使用者が容易に移乗できるよう、畳上面等（段差）を40～45㎝程度(車椅子の座面の高さと同程度)とすることが望ましい。
・壁面からの突出物を極力避けるとともに、やむを得ず突出した部分や衝突する可能性のある壁・柱・家具の角等がある場合には面取りをする、保護材を設ける等、危険防止に配慮することが望ましい。</t>
    </r>
    <r>
      <rPr>
        <b/>
        <sz val="8"/>
        <color rgb="FFFF0000"/>
        <rFont val="ＭＳ ゴシック"/>
        <family val="3"/>
        <charset val="128"/>
      </rPr>
      <t>（2-160）</t>
    </r>
    <phoneticPr fontId="1"/>
  </si>
  <si>
    <r>
      <t>・室内の回転スペース又は転回（方向転換）スペース及びベッドへの移乗スペース（有効幅員80cm以上）を確保するために客室内のレイアウト変更が可能となるよう、ベッドを床に固定することは避ける。</t>
    </r>
    <r>
      <rPr>
        <b/>
        <sz val="8"/>
        <color rgb="FFFF0000"/>
        <rFont val="ＭＳ ゴシック"/>
        <family val="3"/>
        <charset val="128"/>
      </rPr>
      <t>（2-164）</t>
    </r>
    <phoneticPr fontId="1"/>
  </si>
  <si>
    <r>
      <t>・ヘッドボード高さは、マットレス上面より30㎝以上することが望ましく、形状はベッド上で寄り掛かりやすいものとすることが望ましい。</t>
    </r>
    <r>
      <rPr>
        <b/>
        <sz val="8"/>
        <color rgb="FFFF0000"/>
        <rFont val="ＭＳ ゴシック"/>
        <family val="3"/>
        <charset val="128"/>
      </rPr>
      <t>（2-164）</t>
    </r>
    <phoneticPr fontId="1"/>
  </si>
  <si>
    <r>
      <t xml:space="preserve">
・リモコンやタブレット等で操作できるものとすることが望ましい。</t>
    </r>
    <r>
      <rPr>
        <b/>
        <sz val="8"/>
        <color rgb="FFFF0000"/>
        <rFont val="ＭＳ ゴシック"/>
        <family val="3"/>
        <charset val="128"/>
      </rPr>
      <t>（2-164）</t>
    </r>
    <phoneticPr fontId="1"/>
  </si>
  <si>
    <r>
      <t>（電話機）
・室内の電話機は、ベッドから手が届く位置に設ける</t>
    </r>
    <r>
      <rPr>
        <b/>
        <sz val="8"/>
        <color rgb="FFFF0000"/>
        <rFont val="ＭＳ ゴシック"/>
        <family val="3"/>
        <charset val="128"/>
      </rPr>
      <t>（2-164）</t>
    </r>
    <phoneticPr fontId="1"/>
  </si>
  <si>
    <t>・開き戸の場合には、戸が90度以上開くようドアクローザーの収まるスペースを確保し、戸当たりの位置を工夫するとともに、取っ手が壁にあたらないよう、戸の吊元のスペースを確保することが望ましい。</t>
    <phoneticPr fontId="1"/>
  </si>
  <si>
    <r>
      <t>・車椅子から腰掛便座への移乗を容易にするため、腰掛便座の両側に手すりを設けることが望ましい。
・両側に手すりを設ける場合には、介助等を考慮し片側の手すりは可動式手すりとする。
・腰掛便座や手すりの配置・位置状況について、宿泊施設の情報提供の中で紹介することで、高齢者、障害者等の身体の状態等に応じて利用できるものか、宿泊施設及び客室を選択しやすくなることが望ましい。</t>
    </r>
    <r>
      <rPr>
        <b/>
        <sz val="8"/>
        <color rgb="FFFF0000"/>
        <rFont val="ＭＳ ゴシック"/>
        <family val="3"/>
        <charset val="128"/>
      </rPr>
      <t>（2-168）</t>
    </r>
    <phoneticPr fontId="1"/>
  </si>
  <si>
    <r>
      <t>・腰掛便座の横壁面に紙巻器、便器洗浄ボタン、呼出ボタンを設ける場合は、JIS S 0026に基づく配置とする。</t>
    </r>
    <r>
      <rPr>
        <b/>
        <sz val="8"/>
        <color rgb="FFFF0000"/>
        <rFont val="ＭＳ ゴシック"/>
        <family val="3"/>
        <charset val="128"/>
      </rPr>
      <t>（2-168）</t>
    </r>
    <phoneticPr fontId="1"/>
  </si>
  <si>
    <r>
      <t>・スイッチ等は、大型で操作が容易なボタン形式のものとすることが望ましい。
・スイッチ等及び壁の仕上げ材料等は、スイッチ等と壁の色の明度、色相又は彩度の差を確保したものとすることが望ましい。</t>
    </r>
    <r>
      <rPr>
        <b/>
        <sz val="8"/>
        <color rgb="FFFF0000"/>
        <rFont val="ＭＳ ゴシック"/>
        <family val="3"/>
        <charset val="128"/>
      </rPr>
      <t xml:space="preserve">（2-165）
</t>
    </r>
    <r>
      <rPr>
        <sz val="8"/>
        <color rgb="FFFF0000"/>
        <rFont val="ＭＳ ゴシック"/>
        <family val="3"/>
        <charset val="128"/>
      </rPr>
      <t>・スイッチ類、緊急通報ボタンを設ける場合、同一施設内では設置位置を統一することが望ましい。
・タッチパネル方式のスイッチは、視覚障害者にとって、わかりづらいものであり、使用しないことが望ましい。
・視覚障害者等にわかりやすいよう、プッシュ型スイッチ等は、オン（音声）・オフ（音無し）の使い分けや上下配置等の工夫をすることが望ましい</t>
    </r>
    <r>
      <rPr>
        <b/>
        <sz val="8"/>
        <color rgb="FFFF0000"/>
        <rFont val="ＭＳ ゴシック"/>
        <family val="3"/>
        <charset val="128"/>
      </rPr>
      <t>(2-179)</t>
    </r>
    <phoneticPr fontId="1"/>
  </si>
  <si>
    <r>
      <t>・電動車椅子のバッテリー充電のため、客室内の利用しやすい位置に床から40cm程度の高さのコンセントを設ける。</t>
    </r>
    <r>
      <rPr>
        <b/>
        <sz val="8"/>
        <color rgb="FFFF0000"/>
        <rFont val="ＭＳ ゴシック"/>
        <family val="3"/>
        <charset val="128"/>
      </rPr>
      <t>（2-165）</t>
    </r>
    <phoneticPr fontId="1"/>
  </si>
  <si>
    <r>
      <t>・収納は、車椅子使用者の利用に適した位置とする。
・棚の高さは、下端：床から30～40㎝程度、上端：床から100～120㎝程度とする。
・ハンガーパイプやフックの高さは、床から100～120cm程度とするか、高さの調節ができるものとする。
・棚やクローゼット等を設ける場合、奥行きは最大60㎝程度とする。
・収納の形状は、車椅子使用者が容易に接近できるものとする。
・戸を設ける場合、取っ手は、高齢者、障害者等が使い易い形状のものとする。</t>
    </r>
    <r>
      <rPr>
        <b/>
        <sz val="8"/>
        <color rgb="FFFF0000"/>
        <rFont val="ＭＳ ゴシック"/>
        <family val="3"/>
        <charset val="128"/>
      </rPr>
      <t>（2-165）</t>
    </r>
    <phoneticPr fontId="1"/>
  </si>
  <si>
    <r>
      <t>・室内にカウンター・ライティングデスクを設ける場合、床からの上端高さは70～75cm程度、下端高さは65～70cm程度とする。</t>
    </r>
    <r>
      <rPr>
        <b/>
        <sz val="8"/>
        <color rgb="FFFF0000"/>
        <rFont val="ＭＳ ゴシック"/>
        <family val="3"/>
        <charset val="128"/>
      </rPr>
      <t>（2-166）</t>
    </r>
    <phoneticPr fontId="1"/>
  </si>
  <si>
    <r>
      <t>・室内にカウンター・ライティングデスクを設ける場合、奥行きは45cm以上とすることが望ましい。</t>
    </r>
    <r>
      <rPr>
        <b/>
        <sz val="8"/>
        <color rgb="FFFF0000"/>
        <rFont val="ＭＳ ゴシック"/>
        <family val="3"/>
        <charset val="128"/>
      </rPr>
      <t>（2-166）</t>
    </r>
    <phoneticPr fontId="1"/>
  </si>
  <si>
    <r>
      <t>・車椅子使用者用客室にバルコニー（避難用バルコニーを含む）・テラス等を設けた場合には、バルコニー・テラス等への主要な出入口の有効幅員は、80cm以上とすることが望ましい。
・バルコニー、テラス等への主要な出入口の戸は、引き戸や引き違い戸等、車椅子使用者等が容易に開閉して通過できる構造とすることが望ましい。また、その前後に高低差がないものとすることが望ましい。</t>
    </r>
    <r>
      <rPr>
        <b/>
        <sz val="8"/>
        <color rgb="FFFF0000"/>
        <rFont val="ＭＳ ゴシック"/>
        <family val="3"/>
        <charset val="128"/>
      </rPr>
      <t>（2-167）</t>
    </r>
    <phoneticPr fontId="1"/>
  </si>
  <si>
    <r>
      <t>・水栓金具はシングルレバー方式等、湯水の混合操作が容易なものとする。
・吐水口の位置は、洗面器の手前縁から30㎝以内とする。</t>
    </r>
    <r>
      <rPr>
        <b/>
        <sz val="8"/>
        <color rgb="FFFF0000"/>
        <rFont val="ＭＳ ゴシック"/>
        <family val="3"/>
        <charset val="128"/>
      </rPr>
      <t>(2-174)</t>
    </r>
    <phoneticPr fontId="1"/>
  </si>
  <si>
    <r>
      <t>・鏡は、洗面器上端部にできる限り近い位置を下端とし、上端は洗面器から100cm以上の高さとすることが望ましい</t>
    </r>
    <r>
      <rPr>
        <b/>
        <sz val="8"/>
        <color rgb="FFFF0000"/>
        <rFont val="ＭＳ ゴシック"/>
        <family val="3"/>
        <charset val="128"/>
      </rPr>
      <t>(2-174)</t>
    </r>
    <phoneticPr fontId="1"/>
  </si>
  <si>
    <r>
      <t>・床には段差を設けない｡</t>
    </r>
    <r>
      <rPr>
        <b/>
        <sz val="8"/>
        <color rgb="FFFF0000"/>
        <rFont val="ＭＳ ゴシック"/>
        <family val="3"/>
        <charset val="128"/>
      </rPr>
      <t>(2-170)</t>
    </r>
    <phoneticPr fontId="1"/>
  </si>
  <si>
    <r>
      <t>緊急通報ボタン又は非常用を兼ねた浴室内電話機を車椅子使用者等が操作しやすい高さ、位置に設ける。</t>
    </r>
    <r>
      <rPr>
        <b/>
        <sz val="8"/>
        <color rgb="FFFF0000"/>
        <rFont val="ＭＳ ゴシック"/>
        <family val="3"/>
        <charset val="128"/>
      </rPr>
      <t>(2-171)</t>
    </r>
    <phoneticPr fontId="1"/>
  </si>
  <si>
    <r>
      <t>・緊急通報ボタンを押したことが、音声による案内のほか、フラッシュライト等の点灯等により客室内外で視認できることが望ましい。</t>
    </r>
    <r>
      <rPr>
        <b/>
        <sz val="8"/>
        <color rgb="FFFF0000"/>
        <rFont val="ＭＳ ゴシック"/>
        <family val="3"/>
        <charset val="128"/>
      </rPr>
      <t>(2-171)</t>
    </r>
    <phoneticPr fontId="1"/>
  </si>
  <si>
    <r>
      <t>湯水の溢れ出しを防止するため、浴槽の水栓は定量止水機能のついたものとすることが望ましい。</t>
    </r>
    <r>
      <rPr>
        <b/>
        <sz val="8"/>
        <color rgb="FFFF0000"/>
        <rFont val="ＭＳ ゴシック"/>
        <family val="3"/>
        <charset val="128"/>
      </rPr>
      <t>（2-171)</t>
    </r>
    <phoneticPr fontId="1"/>
  </si>
  <si>
    <r>
      <t>・サーモスタット（自動温度調節器）には、適温の箇所に認知しやすい印等を付ける。</t>
    </r>
    <r>
      <rPr>
        <b/>
        <sz val="8"/>
        <color rgb="FFFF0000"/>
        <rFont val="ＭＳ ゴシック"/>
        <family val="3"/>
        <charset val="128"/>
      </rPr>
      <t>(2-171)</t>
    </r>
    <phoneticPr fontId="1"/>
  </si>
  <si>
    <t>・車椅子での移動の妨げにならないよう、床は水はけの良い材料で仕上げ、可能な限り排水勾配を緩やかにする。</t>
    <phoneticPr fontId="1"/>
  </si>
  <si>
    <r>
      <t>・床は濡れても滑りにくく、</t>
    </r>
    <r>
      <rPr>
        <sz val="8"/>
        <color rgb="FFFF0000"/>
        <rFont val="ＭＳ ゴシック"/>
        <family val="3"/>
        <charset val="128"/>
      </rPr>
      <t>転倒時や床に座ったままで移動する場合にも体を傷つけにくい材料で仕上げる。</t>
    </r>
    <phoneticPr fontId="1"/>
  </si>
  <si>
    <r>
      <t>・開き戸の場合には、戸が90度以上開くようドアクローザーの収まるスペースを確保し、戸当たりの位置を工夫するとともに、取っ手が壁にあたらないよう、
戸の吊元のスペースを確保することが望ましい。</t>
    </r>
    <r>
      <rPr>
        <b/>
        <sz val="8"/>
        <color rgb="FFFF0000"/>
        <rFont val="ＭＳ ゴシック"/>
        <family val="3"/>
        <charset val="128"/>
      </rPr>
      <t>(2-170)</t>
    </r>
    <phoneticPr fontId="1"/>
  </si>
  <si>
    <r>
      <t>・戸は、その前後に高低差がないものとする。
・錠（電気錠を含む）は、施錠の操作がしやすいものとし、操作がしやすい高さに設ける。</t>
    </r>
    <r>
      <rPr>
        <b/>
        <sz val="8"/>
        <color rgb="FFFF0000"/>
        <rFont val="ＭＳ ゴシック"/>
        <family val="3"/>
        <charset val="128"/>
      </rPr>
      <t>（2-178)</t>
    </r>
    <phoneticPr fontId="1"/>
  </si>
  <si>
    <r>
      <t>・開き戸の場合には、戸が90度以上開くようドアクローザーの収まるスペースを確保し、戸当たりの位置を工夫するとともに、取っ手が壁にあたらないよう、戸の吊元のスペースを確保することが望ましい。
・非接触型カード錠のカードリーダは、床から100～120cm程度の高さに設けることが望ましい。</t>
    </r>
    <r>
      <rPr>
        <b/>
        <sz val="8"/>
        <color rgb="FFFF0000"/>
        <rFont val="ＭＳ ゴシック"/>
        <family val="3"/>
        <charset val="128"/>
      </rPr>
      <t>（2-178)</t>
    </r>
    <phoneticPr fontId="1"/>
  </si>
  <si>
    <r>
      <t>・スイッチ等は、大型で操作が容易なボタン形式のものとすることが望ましい。
・スイッチ及び壁の仕上げ材料等は、スイッチ等と壁の色の明度、色相又は彩度の差を確保したものとすることが望ましい。
・スイッチ類、緊急通報ボタンを設ける場合、同一施設内では設置位置を統一することが望ましい。
・タッチパネル方式のスイッチは、視覚障害者にとって、わかりづらいものであり、使用しないことが望ましい。
・視覚障害者等にわかりやすいよう、プッシュ型スイッチ等は、オン（音声）・オフ（音無し）の使い分けや上下配置等の工夫をすることが望ましい</t>
    </r>
    <r>
      <rPr>
        <b/>
        <sz val="8"/>
        <color rgb="FFFF0000"/>
        <rFont val="ＭＳ ゴシック"/>
        <family val="3"/>
        <charset val="128"/>
      </rPr>
      <t>(2-179)</t>
    </r>
    <phoneticPr fontId="1"/>
  </si>
  <si>
    <r>
      <t>・車椅子使用者が腰掛便座等に移乗しやすいように、幅80㎝以上×奥行き120㎝以上のスペースを設けることが望ましい。</t>
    </r>
    <r>
      <rPr>
        <b/>
        <sz val="8"/>
        <color rgb="FFFF0000"/>
        <rFont val="ＭＳ ゴシック"/>
        <family val="3"/>
        <charset val="128"/>
      </rPr>
      <t>(2-180)</t>
    </r>
    <phoneticPr fontId="1"/>
  </si>
  <si>
    <r>
      <t>・便房には、腰掛便座、手すり等を適切に配置する。
留意点：
・着脱式等の手すりについては、手すり使用時の安全性確認が必須であり、従業員による準備のしやすさ等に配慮されたものを確認した上で、一般客室等に取り付けることができる。
・着脱式等の手すりのみで構成される便房については、法に基づく車椅子使用者用便房の場合には適さない。</t>
    </r>
    <r>
      <rPr>
        <b/>
        <sz val="8"/>
        <color rgb="FFFF0000"/>
        <rFont val="ＭＳ ゴシック"/>
        <family val="3"/>
        <charset val="128"/>
      </rPr>
      <t>(2-180)</t>
    </r>
    <rPh sb="26" eb="29">
      <t>リュウイテン</t>
    </rPh>
    <phoneticPr fontId="1"/>
  </si>
  <si>
    <r>
      <t>（手すり）
・浴槽を設ける場合には、浴槽出入り、浴槽内での立ち座り・姿勢保持等のための手すりを設けることが望ましい。
・洗い場やシャワー室を設ける場合には、入浴用椅子等に座った状態で手が届く位置に立ち座り・姿勢保持等のための手すりを設けることが望ましい。</t>
    </r>
    <r>
      <rPr>
        <b/>
        <sz val="8"/>
        <color rgb="FFFF0000"/>
        <rFont val="ＭＳ ゴシック"/>
        <family val="3"/>
        <charset val="128"/>
      </rPr>
      <t>(2-180)</t>
    </r>
    <phoneticPr fontId="1"/>
  </si>
  <si>
    <r>
      <t>・床は濡れても滑りにくく、体を傷つけにくい材料で仕上げる。</t>
    </r>
    <r>
      <rPr>
        <b/>
        <sz val="8"/>
        <color rgb="FFFF0000"/>
        <rFont val="ＭＳ ゴシック"/>
        <family val="3"/>
        <charset val="128"/>
      </rPr>
      <t>(2-180)</t>
    </r>
    <phoneticPr fontId="1"/>
  </si>
  <si>
    <r>
      <t>・高齢者や視覚障害者は、カードキーを円滑に利用することが困難であるため、フロントでの使用方法の説明等に加え、開錠・施錠が音等でわかる等の工夫することが望ましい。
・客室の電源とカードキーの挿込みとが連動している場合、電動車椅子の充電等に配慮し、予備キーを貸し出す等の準備をしておくことが望ましい。</t>
    </r>
    <r>
      <rPr>
        <b/>
        <sz val="8"/>
        <color rgb="FFFF0000"/>
        <rFont val="ＭＳ ゴシック"/>
        <family val="3"/>
        <charset val="128"/>
      </rPr>
      <t>(2-182)</t>
    </r>
    <phoneticPr fontId="1"/>
  </si>
  <si>
    <r>
      <t>・聴覚障害者等に配慮し、テレビは字幕放送の表示が可能なものとし、字幕表示が可能なリモコンを客室に備える。</t>
    </r>
    <r>
      <rPr>
        <b/>
        <sz val="8"/>
        <color rgb="FFFF0000"/>
        <rFont val="ＭＳ ゴシック"/>
        <family val="3"/>
        <charset val="128"/>
      </rPr>
      <t>(2-182)</t>
    </r>
    <phoneticPr fontId="1"/>
  </si>
  <si>
    <r>
      <t>・シャンプー・リンス・ボディソープ等の容器は、視覚障害者が手で触れて区別することのできるものを設けることが望ましい。</t>
    </r>
    <r>
      <rPr>
        <b/>
        <sz val="8"/>
        <color rgb="FFFF0000"/>
        <rFont val="ＭＳ ゴシック"/>
        <family val="3"/>
        <charset val="128"/>
      </rPr>
      <t>(2-183)</t>
    </r>
    <phoneticPr fontId="1"/>
  </si>
  <si>
    <r>
      <t>・フラッシュライト等の火災警報装置（光警報装置）の設置といった「ハード面（施設整備）」のほか、点滅や振動によって伝える室内信号装置（ドアノック音等を受信する装置）の貸し出し等、聴覚障害者等への非常時の情報伝達に配慮する。ソフト面の工夫とあわせて計画することが重要である。</t>
    </r>
    <r>
      <rPr>
        <b/>
        <sz val="8"/>
        <color rgb="FFFF0000"/>
        <rFont val="ＭＳ ゴシック"/>
        <family val="3"/>
        <charset val="128"/>
      </rPr>
      <t>(2-183)</t>
    </r>
    <phoneticPr fontId="1"/>
  </si>
  <si>
    <r>
      <t>・車椅子使用者用客席・観覧席は、少なくとも同時に2以上の車椅子使用者が利用できる専用スペースとして確保する。
留意点：
・大型車椅子の使用者をはじめ、補助犬利用者、乳幼児連れ利用者、盲ろう者（同伴者4名程度）等、多様な利用者の利便性に配慮し、可動席スペースを確保することは重要である。</t>
    </r>
    <r>
      <rPr>
        <b/>
        <sz val="8"/>
        <color rgb="FFFF0000"/>
        <rFont val="ＭＳ ゴシック"/>
        <family val="3"/>
        <charset val="128"/>
      </rPr>
      <t>（2-204）</t>
    </r>
    <phoneticPr fontId="1"/>
  </si>
  <si>
    <r>
      <t>・車椅子使用者用客席・観覧席（可動席スペースを含む。）は、車椅子使用者が選択できるよう、2か所以上の異なる位置（異なる階、異なる水平位置）に分散して設けることが望ましい。
・劇場・映画館等の車椅子使用者用客席については、舞台やスクリーンとの距離や見やすさに配慮した配置とすることが望ましい。</t>
    </r>
    <r>
      <rPr>
        <b/>
        <sz val="8"/>
        <color rgb="FFFF0000"/>
        <rFont val="ＭＳ ゴシック"/>
        <family val="3"/>
        <charset val="128"/>
      </rPr>
      <t>（2-204）</t>
    </r>
    <phoneticPr fontId="1"/>
  </si>
  <si>
    <r>
      <t>・客席・観覧席の床は水平とし、傾斜させない。
・車椅子使用者用客席・観覧席が他の客席・観覧席より高い位置にある場合には、床の端部に脱輪防止用の立ち上がりを設ける。</t>
    </r>
    <r>
      <rPr>
        <b/>
        <sz val="8"/>
        <color rgb="FFFF0000"/>
        <rFont val="ＭＳ ゴシック"/>
        <family val="3"/>
        <charset val="128"/>
      </rPr>
      <t>（2-204）</t>
    </r>
    <phoneticPr fontId="1"/>
  </si>
  <si>
    <r>
      <t>・通路に段を設ける場合にあっては、高齢者や視覚障害者等が段を認知しやすいよう段鼻と踏み面やけあげを識別しやすい明度差とし、また適度な床面照度と視認性を確保する。
・通路に設ける段は、同一のけあげ・踏面寸法による構成とし、十分な寸法の踊り場を確保する。
・歩行の安全を図るため、客席・観覧席が暗い場合には、通路にフットライト等を設ける。フットライトを設ける場合には、劇場等の演出運営に配慮する。</t>
    </r>
    <r>
      <rPr>
        <b/>
        <sz val="8"/>
        <color rgb="FFFF0000"/>
        <rFont val="ＭＳ ゴシック"/>
        <family val="3"/>
        <charset val="128"/>
      </rPr>
      <t>（2-209）</t>
    </r>
    <phoneticPr fontId="1"/>
  </si>
  <si>
    <r>
      <t>・客席・観覧席の前後の段差が大きい場合には、舞台等への視線の妨げにならない範囲で、縦通路沿いに、転倒・転落防止のための手すりや手がかりとなる部材・部品等を設けることが望ましい。</t>
    </r>
    <r>
      <rPr>
        <b/>
        <sz val="8"/>
        <color rgb="FFFF0000"/>
        <rFont val="ＭＳ ゴシック"/>
        <family val="3"/>
        <charset val="128"/>
      </rPr>
      <t>（2-209）</t>
    </r>
    <phoneticPr fontId="1"/>
  </si>
  <si>
    <r>
      <t>一般客席への車椅子使用者の移乗等を想定し、客席・観覧席スペースやその付近に、車椅子やベビーカーを置くことができるスペースを設けることが望ましい。</t>
    </r>
    <r>
      <rPr>
        <b/>
        <sz val="8"/>
        <color rgb="FFFF0000"/>
        <rFont val="ＭＳ ゴシック"/>
        <family val="3"/>
        <charset val="128"/>
      </rPr>
      <t>（2-206）</t>
    </r>
    <phoneticPr fontId="1"/>
  </si>
  <si>
    <r>
      <t>・車椅子使用者の同伴者席は、車椅子使用者用客席・観覧席に隣接して設ける。
・客席スペースや構造等により、車椅子使用者の同伴者席を隣接して設けられない場合には、車椅子使用者用客席・観覧席にできるだけ近い位置に設ける。
・車椅子使用者用客席・観覧席を仮設で設ける場合は、仮設の同伴者席も設ける</t>
    </r>
    <r>
      <rPr>
        <b/>
        <sz val="8"/>
        <color rgb="FFFF0000"/>
        <rFont val="ＭＳ ゴシック"/>
        <family val="3"/>
        <charset val="128"/>
      </rPr>
      <t>（2-206）</t>
    </r>
    <phoneticPr fontId="1"/>
  </si>
  <si>
    <r>
      <t>・客席・観覧席の通路側の肘掛けは、車椅子使用者の移乗も想定し、高齢者、障害者等が利用しやすい跳ね上げ式や水平可動式とすることが望ましい。
・上演時間以外は、客席・観覧席の照度を十分確保することが望ましい。</t>
    </r>
    <r>
      <rPr>
        <b/>
        <sz val="8"/>
        <color rgb="FFFF0000"/>
        <rFont val="ＭＳ ゴシック"/>
        <family val="3"/>
        <charset val="128"/>
      </rPr>
      <t>（2-209）</t>
    </r>
    <phoneticPr fontId="1"/>
  </si>
  <si>
    <r>
      <t>・乳幼児連れの利用者、知的障害者、発達障害者、精神障害者等の多様な利用者に配慮し、気がねなく観覧できる区画された観覧室（センサリールーム等）を設けることが望ましい。</t>
    </r>
    <r>
      <rPr>
        <b/>
        <sz val="8"/>
        <color rgb="FFFF0000"/>
        <rFont val="ＭＳ ゴシック"/>
        <family val="3"/>
        <charset val="128"/>
      </rPr>
      <t>（2-209）</t>
    </r>
    <phoneticPr fontId="1"/>
  </si>
  <si>
    <r>
      <t>・舞台上の手話通訳者や、司会者・解説者等の動作が客席・観覧席から容易にわかるよう、照明(スポットライト等)や適切なコントラストの背景幕を設けることが望ましい。</t>
    </r>
    <r>
      <rPr>
        <b/>
        <sz val="8"/>
        <color rgb="FFFF0000"/>
        <rFont val="ＭＳ ゴシック"/>
        <family val="3"/>
        <charset val="128"/>
      </rPr>
      <t>（2-209）</t>
    </r>
    <phoneticPr fontId="1"/>
  </si>
  <si>
    <r>
      <t>体育館、競技場等においては、競技用の車椅子に乗り換えた後に、日常用いる車椅子の置き場や、電動車椅子の充電用電源コンセントを確保することが望ましい。</t>
    </r>
    <r>
      <rPr>
        <b/>
        <sz val="8"/>
        <color rgb="FFFF0000"/>
        <rFont val="ＭＳ ゴシック"/>
        <family val="3"/>
        <charset val="128"/>
      </rPr>
      <t>（2-210）</t>
    </r>
    <phoneticPr fontId="1"/>
  </si>
  <si>
    <r>
      <t>・高齢者や視覚障害者等の観劇・観覧等に配慮し、客席・観覧席には音声による情報提供設備を設けることが望ましい。</t>
    </r>
    <r>
      <rPr>
        <b/>
        <sz val="8"/>
        <color rgb="FFFF0000"/>
        <rFont val="ＭＳ ゴシック"/>
        <family val="3"/>
        <charset val="128"/>
      </rPr>
      <t>（2-212）</t>
    </r>
    <phoneticPr fontId="1"/>
  </si>
  <si>
    <r>
      <t>・客席・観覧席の通路に設ける避難経路や便所位置を示す案内表示は、大きめの文字を用いる、漢字以外にひらがなを併記する、図記号等を併記する等、高齢者、障害者等にわかりやすいデザインとし、取り付け位置、照明等に配慮したものとする。
・客席・観覧席の座席番号、行・列等の表示は、わかりやすく読みやすいように、大きめの文字を用いるほか、色づかい・コントラスト、点字の併記、取り付け位置等に十分配慮したものとする。
・避難経路等の重要な案内表示は、上演中等に通路照明が消えることに十分配慮したものとする。</t>
    </r>
    <r>
      <rPr>
        <b/>
        <sz val="8"/>
        <color rgb="FFFF0000"/>
        <rFont val="ＭＳ ゴシック"/>
        <family val="3"/>
        <charset val="128"/>
      </rPr>
      <t>（2-213）</t>
    </r>
    <phoneticPr fontId="1"/>
  </si>
  <si>
    <r>
      <t>・案内表示は、文字・図記号、図、背景の色の明度、色相又は彩度の差を確保したものとすることが望ましい。
・固定位置に設けた車椅子使用者用客席・観覧席の床面、又は手すり等には、車椅子使用者用客席であることを、座席番号とともに表示することが望ましい。
・視覚障害者等をチケット売場・窓口等から、客席、観覧席等まで誘導する方法としては、従業員（職員等）による誘導（人的対応）を検討することが望ましい。</t>
    </r>
    <r>
      <rPr>
        <b/>
        <sz val="8"/>
        <color rgb="FFFF0000"/>
        <rFont val="ＭＳ ゴシック"/>
        <family val="3"/>
        <charset val="128"/>
      </rPr>
      <t>（2-213）</t>
    </r>
    <phoneticPr fontId="1"/>
  </si>
  <si>
    <r>
      <t>・バルコニー、テラス等への主要な出入口の戸は、車椅子使用者等が容易に開閉して通過できる構造とすることが望ましい。また、その前後に高低差がないものとすることが望ましい。</t>
    </r>
    <r>
      <rPr>
        <b/>
        <sz val="8"/>
        <color rgb="FFFF0000"/>
        <rFont val="ＭＳ ゴシック"/>
        <family val="3"/>
        <charset val="128"/>
      </rPr>
      <t>（2-216）</t>
    </r>
    <phoneticPr fontId="1"/>
  </si>
  <si>
    <r>
      <t>・出入口に設けるインターホンの周囲には、カートや搬入商品等の保管場所を設けない</t>
    </r>
    <r>
      <rPr>
        <b/>
        <sz val="8"/>
        <color rgb="FFFF0000"/>
        <rFont val="ＭＳ ゴシック"/>
        <family val="3"/>
        <charset val="128"/>
      </rPr>
      <t>（2-216）</t>
    </r>
    <phoneticPr fontId="1"/>
  </si>
  <si>
    <r>
      <t>・店舗の出入口、バルコニー等の外部への出入口、車椅子使用者が利用できる便房（車椅子使用者用便房、車椅子使用者用簡易型便房等）の出入口では、その付近に、車椅子使用者が方向転回できるよう水平なスペースを設けることが望ましい。</t>
    </r>
    <r>
      <rPr>
        <b/>
        <sz val="8"/>
        <color rgb="FFFF0000"/>
        <rFont val="ＭＳ ゴシック"/>
        <family val="3"/>
        <charset val="128"/>
      </rPr>
      <t>(2-217)</t>
    </r>
    <phoneticPr fontId="1"/>
  </si>
  <si>
    <r>
      <t>・主要な経路上に設ける出入口の有効幅員は、80cm以上とする。
・主要な経路上の通路には原則として、壁からの突出物を設けない。
・やむを得ず、床から高さ65㎝以上の部分に壁から突出物を設ける場合は、視覚障害者の白杖の位置に配慮し、突き出し部分を10㎝以下とする。
・通路沿いに設ける設備機器・備品（消火器、冷蔵庫、棚等）は、有効幅員の確保や手すり・壁による視覚障害者の連続的な誘導の妨げにならない位置に設ける。</t>
    </r>
    <r>
      <rPr>
        <b/>
        <sz val="8"/>
        <color rgb="FFFF0000"/>
        <rFont val="ＭＳ ゴシック"/>
        <family val="3"/>
        <charset val="128"/>
      </rPr>
      <t>(2-217)</t>
    </r>
    <phoneticPr fontId="1"/>
  </si>
  <si>
    <r>
      <t>・サービス店舗や飲食店舗等の待合には、高齢者、障害者等の休憩の用に供する設備（ベンチ等）を設ける。
・車椅子使用者や乳幼児連れの利用者（ベビーカー）に配慮したスペースを確保する。（ベンチ等の移動による対応も可とする。）
・車椅子使用者に配慮した待合スペースの幅は、車椅子1台につき90cm以上とし、奥行きは120cm以上とする。（可動式の椅子を取り外してスペースを設けることも可能とする。）</t>
    </r>
    <r>
      <rPr>
        <b/>
        <sz val="8"/>
        <color rgb="FFFF0000"/>
        <rFont val="ＭＳ ゴシック"/>
        <family val="3"/>
        <charset val="128"/>
      </rPr>
      <t>（2-219）</t>
    </r>
    <phoneticPr fontId="1"/>
  </si>
  <si>
    <r>
      <t>・円滑なお金のやりとりができるよう、全てのレジは、利用者から金額表示が見えるようにする。
・次の場合には、立位で使用する会計カウンターのほかに、高齢者、障害者等が利用できるローカウンターを1以上設ける。
　・物販店舗で、複数の会計カウンターがある場合
　・多数の高齢者、障害者の利用が想定される建築物（病院等）にある店舗
　・無人レジ（セルフレジ。顧客が自分で商品バーコードをスキャンして会計をするレジ）のみの店舗
・サービスカウンターを設ける場合には、車椅子使用者をはじめ、高齢者、障害者等が利用しやすいローカウンターを1以上設ける。
・高齢者、障害者等が利用できるローカウンターの下端の高さは65～70㎝程度、上端の高さは70～75㎝程度、カウンター下部スペースの奥行きは45㎝以上とする。</t>
    </r>
    <r>
      <rPr>
        <b/>
        <sz val="8"/>
        <color rgb="FFFF0000"/>
        <rFont val="ＭＳ ゴシック"/>
        <family val="3"/>
        <charset val="128"/>
      </rPr>
      <t>（2-220）</t>
    </r>
    <rPh sb="46" eb="47">
      <t>ツギ</t>
    </rPh>
    <phoneticPr fontId="1"/>
  </si>
  <si>
    <r>
      <t>・授乳のためのスペースを設けることが望ましい。
・授乳のためのスペースには、授乳のための椅子、乳幼児用おむつ交換台等を適切に設ける。</t>
    </r>
    <r>
      <rPr>
        <b/>
        <sz val="8"/>
        <color rgb="FFFF0000"/>
        <rFont val="ＭＳ ゴシック"/>
        <family val="3"/>
        <charset val="128"/>
      </rPr>
      <t>（2-221）</t>
    </r>
    <phoneticPr fontId="1"/>
  </si>
  <si>
    <r>
      <t>通行に支障のない明るさ、むらのない明るさを確保できるよう、照明設備を設ける。</t>
    </r>
    <r>
      <rPr>
        <b/>
        <sz val="8"/>
        <color rgb="FFFF0000"/>
        <rFont val="ＭＳ ゴシック"/>
        <family val="3"/>
        <charset val="128"/>
      </rPr>
      <t>（2-221）</t>
    </r>
    <phoneticPr fontId="1"/>
  </si>
  <si>
    <r>
      <t>・床の表面は、粗面とし、又は滑りにくい材料で仕上げる。
・車椅子の操作が困難になるような毛足の長い絨毯を、床の全面に使用することは避ける。</t>
    </r>
    <r>
      <rPr>
        <b/>
        <sz val="8"/>
        <color rgb="FFFF0000"/>
        <rFont val="ＭＳ ゴシック"/>
        <family val="3"/>
        <charset val="128"/>
      </rPr>
      <t>（2-221）</t>
    </r>
    <phoneticPr fontId="1"/>
  </si>
  <si>
    <r>
      <t>・床の表面は、転倒に対して衝撃の少ない材料で仕上げることが望ましい。</t>
    </r>
    <r>
      <rPr>
        <b/>
        <sz val="8"/>
        <color rgb="FFFF0000"/>
        <rFont val="ＭＳ ゴシック"/>
        <family val="3"/>
        <charset val="128"/>
      </rPr>
      <t>（2-221）</t>
    </r>
    <phoneticPr fontId="1"/>
  </si>
  <si>
    <r>
      <t>・主要な経路上の通路で商品棚間の有効幅員は120cmとする（車椅子使用者が商品を取り出しやすいようにする）。ただし、片側商品棚の場合は90cm以上とする。
・レジカウンター前のレーンは、1レーンに対して車椅子使用者等が通れる有効幅員90cm以上を確保する。</t>
    </r>
    <r>
      <rPr>
        <b/>
        <sz val="8"/>
        <color rgb="FFFF0000"/>
        <rFont val="ＭＳ ゴシック"/>
        <family val="3"/>
        <charset val="128"/>
      </rPr>
      <t>(2-217)</t>
    </r>
    <phoneticPr fontId="1"/>
  </si>
  <si>
    <r>
      <t>・車椅子のまま入ることができるよう、試着室の床には段差を設けない。</t>
    </r>
    <r>
      <rPr>
        <b/>
        <sz val="8"/>
        <color rgb="FFFF0000"/>
        <rFont val="ＭＳ ゴシック"/>
        <family val="3"/>
        <charset val="128"/>
      </rPr>
      <t>（2-223）</t>
    </r>
    <phoneticPr fontId="1"/>
  </si>
  <si>
    <r>
      <t>・試着の際に靴の履き替えや腰掛ける必要がある場合には、広めの試着室を設け、手すり付きの椅子を用意することが望ましい。
・車椅子やベビーカーがそのまま試着室に入る広さ（120cm以上×90cm以上）を確保することが望ましい。
・試着室内に椅子を設ける場合には、車椅子使用者が容易に移乗できるよう、椅子の座面高を42～45cm程度とすることが望ましい。
・試着室の前室に介助者等の待合スペースを設けることが望ましい。
・車椅子のまま試着できるよう、店舗内通路やコーナーの一部にカーテン等による仕切りを設け、工夫することが望ましい。</t>
    </r>
    <r>
      <rPr>
        <b/>
        <sz val="8"/>
        <color rgb="FFFF0000"/>
        <rFont val="ＭＳ ゴシック"/>
        <family val="3"/>
        <charset val="128"/>
      </rPr>
      <t>（2-223）</t>
    </r>
    <phoneticPr fontId="1"/>
  </si>
  <si>
    <r>
      <t>・商品棚やハンガーラック等は、車椅子使用者が選びやすく、手に取りやすい高さ・奥行きとすることが望ましい。</t>
    </r>
    <r>
      <rPr>
        <b/>
        <sz val="8"/>
        <color rgb="FFFF0000"/>
        <rFont val="ＭＳ ゴシック"/>
        <family val="3"/>
        <charset val="128"/>
      </rPr>
      <t>（2-223）</t>
    </r>
    <phoneticPr fontId="1"/>
  </si>
  <si>
    <r>
      <t>・高齢者、障害者等の休憩の用に供するスペースや設備（ベンチ等）を適切な位置に設けることが望ましい。
・ベンチや休憩のためのスペースは、通行の妨げにならないように配慮する。</t>
    </r>
    <r>
      <rPr>
        <b/>
        <sz val="8"/>
        <color rgb="FFFF0000"/>
        <rFont val="ＭＳ ゴシック"/>
        <family val="3"/>
        <charset val="128"/>
      </rPr>
      <t>（2-223）</t>
    </r>
    <phoneticPr fontId="1"/>
  </si>
  <si>
    <r>
      <t>・車椅子使用者をはじめ、高齢者、障害者等が利用できるサッカー台（購入済みの商品を袋に詰めるための台）及びサービスローカウンターを1以上設ける。
・車椅子使用者が利用できるサッカー台及びサービスローカウンターの下端の高さは65～70㎝程度、上端の高さは70～75㎝程度、カウンター下部スペースの奥行きは45㎝以上とする。</t>
    </r>
    <r>
      <rPr>
        <b/>
        <sz val="8"/>
        <color rgb="FFFF0000"/>
        <rFont val="ＭＳ ゴシック"/>
        <family val="3"/>
        <charset val="128"/>
      </rPr>
      <t>（2-223）</t>
    </r>
    <phoneticPr fontId="1"/>
  </si>
  <si>
    <r>
      <t>・主要な経路上の通路の有効幅員は、90cm以上とする。飲食店舗の場合は椅子に座った状態でも90㎝以上を確保する。
・飲食店舗の配膳カウンター前の通路は、カウンター待ちの背後の通行を考慮し、150～180cm程度を確保する。</t>
    </r>
    <r>
      <rPr>
        <b/>
        <sz val="8"/>
        <color rgb="FFFF0000"/>
        <rFont val="ＭＳ ゴシック"/>
        <family val="3"/>
        <charset val="128"/>
      </rPr>
      <t>（2-218）</t>
    </r>
    <phoneticPr fontId="1"/>
  </si>
  <si>
    <r>
      <t>・横向きの人と車椅子使用者のすれ違いがある通路については、120cm以上とすることが望ましい。</t>
    </r>
    <r>
      <rPr>
        <b/>
        <sz val="8"/>
        <color rgb="FFFF0000"/>
        <rFont val="ＭＳ ゴシック"/>
        <family val="3"/>
        <charset val="128"/>
      </rPr>
      <t>（2-218）</t>
    </r>
    <phoneticPr fontId="1"/>
  </si>
  <si>
    <r>
      <t>・車椅子使用者が車椅子のまま食事ができるよう、原則として可動式の椅子席とする。
・固定席を設ける場合には、可動式の椅子席を併せて設ける。ただし、客席総数の１/２以上の席を可動式の椅子席とすることが望ましい。</t>
    </r>
    <r>
      <rPr>
        <b/>
        <sz val="8"/>
        <color rgb="FFFF0000"/>
        <rFont val="ＭＳ ゴシック"/>
        <family val="3"/>
        <charset val="128"/>
      </rPr>
      <t>（2-225）</t>
    </r>
    <phoneticPr fontId="1"/>
  </si>
  <si>
    <r>
      <t>・車椅子使用者や座面の高い椅子を使えない人に配慮し、カウンター席は、可能な限りローカウンター席も設ける。
・ローカウンター席は、車椅子使用者がアクセスしやすい位置に設けることが望ましい。</t>
    </r>
    <r>
      <rPr>
        <b/>
        <sz val="8"/>
        <color rgb="FFFF0000"/>
        <rFont val="ＭＳ ゴシック"/>
        <family val="3"/>
        <charset val="128"/>
      </rPr>
      <t>（2-225）</t>
    </r>
    <phoneticPr fontId="1"/>
  </si>
  <si>
    <r>
      <t>・テーブル、カウンターの下端の高さは65～70cm程度とし、上端の高さは70～75cm程度とする。
・テーブル、カウンター等の下部スペースの奥行きは45㎝以上とし、車椅子使用者が席を利用するための奥行きは120cm以上とする。
・車椅子使用者がテーブルに接近できるよう、テーブルの脚の位置は、両脚の間隔（内法）を70cm以上とするか、又は両脚のない中央柱脚とする。</t>
    </r>
    <r>
      <rPr>
        <b/>
        <sz val="8"/>
        <color rgb="FFFF0000"/>
        <rFont val="ＭＳ ゴシック"/>
        <family val="3"/>
        <charset val="128"/>
      </rPr>
      <t>（2-226）</t>
    </r>
    <phoneticPr fontId="1"/>
  </si>
  <si>
    <r>
      <t>・テーブルと椅子をレイアウトする場合には、車椅子使用者でも利用可能なテーブルの大きさや通路幅を踏まえて、全体計画を行う。
・車椅子使用者の利用できるテーブルの寸法は、次の通りとし、選定するのが望ましい。
・4人掛け： 幅145～160cm程度×奥行き75～90cm程度
・2人掛け： 幅 90cm程度×奥行き75～90cm程度
・いずれもテーブル下端高さ65～70cm程度、上端高さ70～75cm程度とする。</t>
    </r>
    <r>
      <rPr>
        <b/>
        <sz val="8"/>
        <color rgb="FFFF0000"/>
        <rFont val="ＭＳ ゴシック"/>
        <family val="3"/>
        <charset val="128"/>
      </rPr>
      <t>（2-227）</t>
    </r>
    <rPh sb="83" eb="84">
      <t>ツギ</t>
    </rPh>
    <phoneticPr fontId="1"/>
  </si>
  <si>
    <r>
      <t>・配膳カウンターの高さは、車椅子使用者が利用できるよう配慮したものとすることが望ましい。
・配膳カウンターの下部の奥行きは、車椅子使用者の膝が入るスペースを確保することが望ましい。
・セルフサービスの飲食店舗やフードコート等の呼び出しを行うカウンターには、音声による呼び出しとあわせて、振動等で呼び出しを伝える室内信号装置を設けることが望ましい。
・配膳カウンター前の通路は、カウンター待ちの背後の通行を考慮し、150～180ｃｍ程度を確保する</t>
    </r>
    <r>
      <rPr>
        <b/>
        <sz val="8"/>
        <color rgb="FFFF0000"/>
        <rFont val="ＭＳ ゴシック"/>
        <family val="3"/>
        <charset val="128"/>
      </rPr>
      <t>（2-227）</t>
    </r>
    <phoneticPr fontId="1"/>
  </si>
  <si>
    <r>
      <t>セルフサービス方式の場合、冷蔵庫や棚の扉は引き戸であることが望ましい。</t>
    </r>
    <r>
      <rPr>
        <b/>
        <sz val="8"/>
        <color rgb="FFFF0000"/>
        <rFont val="ＭＳ ゴシック"/>
        <family val="3"/>
        <charset val="128"/>
      </rPr>
      <t>（2-228）</t>
    </r>
    <phoneticPr fontId="1"/>
  </si>
  <si>
    <r>
      <t>・床の表面は、濡れても滑りにくい材料で仕上げる。</t>
    </r>
    <r>
      <rPr>
        <b/>
        <sz val="8"/>
        <color rgb="FFFF0000"/>
        <rFont val="ＭＳ ゴシック"/>
        <family val="3"/>
        <charset val="128"/>
      </rPr>
      <t>（2-228）</t>
    </r>
    <phoneticPr fontId="1"/>
  </si>
  <si>
    <r>
      <t>・立位で使用するサービスカウンター・記載台等には、高齢者、障害者等が利用できるローカウンターを併せて設ける。
・高齢者、障害者等が利用できるローカウンターの下端の高さは65～70㎝程度、上端の高さは70～75㎝程度、カウンター下部スペースの奥行きは45㎝以上とする。</t>
    </r>
    <r>
      <rPr>
        <b/>
        <sz val="8"/>
        <color rgb="FFFF0000"/>
        <rFont val="ＭＳ ゴシック"/>
        <family val="3"/>
        <charset val="128"/>
      </rPr>
      <t>（2-229）</t>
    </r>
    <phoneticPr fontId="1"/>
  </si>
  <si>
    <t>(※)
１ 高齢者、障害者等の見やすい位置に設けなければならない。</t>
    <phoneticPr fontId="1"/>
  </si>
  <si>
    <r>
      <t>・廊下等の曲がり角ごとの、わかりやすい位置に、誘導用の表示板を設けることが望ましい。</t>
    </r>
    <r>
      <rPr>
        <b/>
        <sz val="8"/>
        <color rgb="FFFF0000"/>
        <rFont val="ＭＳ ゴシック"/>
        <family val="3"/>
        <charset val="128"/>
      </rPr>
      <t>(2-256)</t>
    </r>
    <phoneticPr fontId="1"/>
  </si>
  <si>
    <r>
      <t>・逆光や反射グレアが生じないよう案内板、表示板等の仕上げや、設置位置、照明に配慮する。
・案内板、表示板等にケースがある場合、光の反射により見にくくならないよう設置位置、照明に配慮する。
・案内板、表示板等は、車椅子使用者や視覚障害者の通行の妨げとならないよう、設置位置・形状に配慮する。</t>
    </r>
    <r>
      <rPr>
        <b/>
        <sz val="8"/>
        <color rgb="FFFF0000"/>
        <rFont val="ＭＳ ゴシック"/>
        <family val="3"/>
        <charset val="128"/>
      </rPr>
      <t>（2-258）</t>
    </r>
    <phoneticPr fontId="1"/>
  </si>
  <si>
    <r>
      <t>同一建築物内においては、案内板、表示板等のデザインは、統一することが望ましい。</t>
    </r>
    <r>
      <rPr>
        <b/>
        <sz val="8"/>
        <color rgb="FFFF0000"/>
        <rFont val="ＭＳ ゴシック"/>
        <family val="3"/>
        <charset val="128"/>
      </rPr>
      <t>（2-258）</t>
    </r>
    <phoneticPr fontId="1"/>
  </si>
  <si>
    <r>
      <t>・車いす使用者用駐車区画の表示は、区画内の路面</t>
    </r>
    <r>
      <rPr>
        <sz val="8"/>
        <color rgb="FFFF0000"/>
        <rFont val="ＭＳ ゴシック"/>
        <family val="3"/>
        <charset val="128"/>
      </rPr>
      <t>及び立て看板等</t>
    </r>
    <r>
      <rPr>
        <sz val="8"/>
        <rFont val="ＭＳ ゴシック"/>
        <family val="3"/>
        <charset val="128"/>
      </rPr>
      <t>により分かりやすい方法で表示すること。</t>
    </r>
    <phoneticPr fontId="1"/>
  </si>
  <si>
    <r>
      <t>・駐車場の進入口より車椅子使用者用駐車施設まで、誘導用の表示をする。</t>
    </r>
    <r>
      <rPr>
        <b/>
        <sz val="8"/>
        <color rgb="FFFF0000"/>
        <rFont val="ＭＳ ゴシック"/>
        <family val="3"/>
        <charset val="128"/>
      </rPr>
      <t>(2-63)</t>
    </r>
    <phoneticPr fontId="1"/>
  </si>
  <si>
    <r>
      <t>・上・下肢障害者や妊婦、けが人、乳幼児連れ利用者等が利用可能な駐車施設を設けた場合は、車椅子使用者用駐車施設と区分して、わかりやすく表示する。</t>
    </r>
    <r>
      <rPr>
        <b/>
        <sz val="8"/>
        <color rgb="FFFF0000"/>
        <rFont val="ＭＳ ゴシック"/>
        <family val="3"/>
        <charset val="128"/>
      </rPr>
      <t>(2-64)</t>
    </r>
    <phoneticPr fontId="1"/>
  </si>
  <si>
    <r>
      <t>・小規模な施設で案内設備や案内所を設けることが困難な場合等において、従業員等による人的誘導を行う計画とする場合には、視覚障害者等の来訪が容易に視認でき、迅速に対応できるよう、出入口の壁面材料（透明ガラス面仕上げ等）に留意することが望ましい。</t>
    </r>
    <r>
      <rPr>
        <b/>
        <sz val="8"/>
        <color rgb="FFFF0000"/>
        <rFont val="ＭＳ ゴシック"/>
        <family val="3"/>
        <charset val="128"/>
      </rPr>
      <t>(2-75)</t>
    </r>
    <phoneticPr fontId="1"/>
  </si>
  <si>
    <t>・建築物又はその敷地には、建築物又はその敷地内のエレベーターその他の昇降機、便所又は駐車施設の配置を表示した案内板その他の設備を設ける。（当該エレベーターその他の昇降機、便所又は駐車施設の配置を容易に視認できる場合、案内所を設ける場合を除く。）</t>
    <phoneticPr fontId="1"/>
  </si>
  <si>
    <r>
      <t>・案内板には、上記のほか、空間全体や各空間の用途、建築物や施設の利用案内、車椅子使用者用客席、乳幼児等用設備等の位置を表示する。</t>
    </r>
    <r>
      <rPr>
        <b/>
        <sz val="8"/>
        <color rgb="FFFF0000"/>
        <rFont val="ＭＳ ゴシック"/>
        <family val="3"/>
        <charset val="128"/>
      </rPr>
      <t>(2-256)</t>
    </r>
    <phoneticPr fontId="1"/>
  </si>
  <si>
    <r>
      <t>・主要な経路や避難経路等の動線を示す主要な案内板は、必要な情報が連続的に得られるように配置することが望ましい。
・案内板等は各フロアに設けることが望ましい。</t>
    </r>
    <r>
      <rPr>
        <b/>
        <sz val="8"/>
        <color rgb="FFFF0000"/>
        <rFont val="ＭＳ ゴシック"/>
        <family val="3"/>
        <charset val="128"/>
      </rPr>
      <t>(2-257)</t>
    </r>
    <phoneticPr fontId="1"/>
  </si>
  <si>
    <r>
      <t>・案内板、表示板等は、音・音声や光による誘導と効果的に組み合わさるよう配慮する。</t>
    </r>
    <r>
      <rPr>
        <b/>
        <sz val="8"/>
        <color rgb="FFFF0000"/>
        <rFont val="ＭＳ ゴシック"/>
        <family val="3"/>
        <charset val="128"/>
      </rPr>
      <t>(2-257)</t>
    </r>
    <phoneticPr fontId="1"/>
  </si>
  <si>
    <t>・漢字、ひらがな、ピクトなどを組み合わせて案内すること。</t>
    <phoneticPr fontId="1"/>
  </si>
  <si>
    <t xml:space="preserve">・知的障害者に分かりやすい文字、大きさ、言葉の統一を行うこと。
</t>
    <phoneticPr fontId="1"/>
  </si>
  <si>
    <t>・案内表示は、文字が読めない、あるいは、文字より絵のほうが理解しやすい障害者や子供に対する情報提供にも配慮したものとする。</t>
    <phoneticPr fontId="1"/>
  </si>
  <si>
    <r>
      <t>・案内板、表示板等に図記号・図を用いる場合には、文字表記を併記する。（知的障害、発達障害のある人は、図記号や図の方がより理解しやすい場合もあるが、文字の方がわかりやすい場合もあるため、図記号や図には、必ず文字表記を併用する。）
・案内表示には、大きめの文字を用いる、漢字以外にひらがなを併記する、図記号等を併記する、図を用いる等、高齢者、障害者等にわかりやすいデザインとする。</t>
    </r>
    <r>
      <rPr>
        <b/>
        <sz val="8"/>
        <rFont val="ＭＳ ゴシック"/>
        <family val="3"/>
        <charset val="128"/>
      </rPr>
      <t>（2-260）</t>
    </r>
    <phoneticPr fontId="1"/>
  </si>
  <si>
    <r>
      <t>・案内板には、ピクトグラム等の表示すべき内容が容易に識別できるもの（当該内容がJIS Z 8210 案内用図記号に定められているときは、これに適合するもの）を用いることが望ましい。
・JIS Z 8210 案内用図記号に定められていない図記号（ピクトグラム）については、標準案内用図記号ガイドライン2020によることや、標準化された図記号（ピクトグラム）を用いることが望ましい。</t>
    </r>
    <r>
      <rPr>
        <b/>
        <sz val="8"/>
        <color rgb="FFFF0000"/>
        <rFont val="ＭＳ ゴシック"/>
        <family val="3"/>
        <charset val="128"/>
      </rPr>
      <t>（2-259）</t>
    </r>
    <r>
      <rPr>
        <sz val="8"/>
        <color rgb="FFFF0000"/>
        <rFont val="ＭＳ ゴシック"/>
        <family val="3"/>
        <charset val="128"/>
      </rPr>
      <t xml:space="preserve">
・案内表示は、点字を併記する等、視覚障害者の利用に配慮したものとすることが望ましい。</t>
    </r>
    <r>
      <rPr>
        <b/>
        <sz val="8"/>
        <color rgb="FFFF0000"/>
        <rFont val="ＭＳ ゴシック"/>
        <family val="3"/>
        <charset val="128"/>
      </rPr>
      <t>（2-260）</t>
    </r>
    <phoneticPr fontId="1"/>
  </si>
  <si>
    <r>
      <t>留意点：
・文字が多いものや､デザインが複雑なものは､わかりにくいため避け､できる限りシンプルなものとすることが望ましい。
・タッチパネル式の案内表示は､視覚障害者には使いにくい。
・文字の書体は認知のしやすいものとすることが望ましい。
・施設の用途により主要な案内板、表示板等は外国語を併記することが望ましい。</t>
    </r>
    <r>
      <rPr>
        <b/>
        <sz val="8"/>
        <color rgb="FFFF0000"/>
        <rFont val="ＭＳ ゴシック"/>
        <family val="3"/>
        <charset val="128"/>
      </rPr>
      <t>（2-260）</t>
    </r>
    <phoneticPr fontId="1"/>
  </si>
  <si>
    <r>
      <t>同一建築物内においては、案内板、表示板等のデザインは、統一することが望ましい。</t>
    </r>
    <r>
      <rPr>
        <b/>
        <sz val="8"/>
        <color rgb="FFFF0000"/>
        <rFont val="ＭＳ ゴシック"/>
        <family val="3"/>
        <charset val="128"/>
      </rPr>
      <t>（2-258）</t>
    </r>
    <phoneticPr fontId="1"/>
  </si>
  <si>
    <r>
      <t>・案内板は、高齢者、障害者等の見やすい位置に設ける。</t>
    </r>
    <r>
      <rPr>
        <b/>
        <sz val="8"/>
        <rFont val="ＭＳ ゴシック"/>
        <family val="3"/>
        <charset val="128"/>
      </rPr>
      <t xml:space="preserve">
</t>
    </r>
    <r>
      <rPr>
        <sz val="8"/>
        <rFont val="ＭＳ ゴシック"/>
        <family val="3"/>
        <charset val="128"/>
      </rPr>
      <t/>
    </r>
    <phoneticPr fontId="1"/>
  </si>
  <si>
    <r>
      <t>・逆光や反射グレアが生じないよう案内板、表示板等の仕上げや、設置位置、照明に配慮する。
・案内板、表示板等にケースがある場合、光の反射により見にくくならないよう設置位置、照明に配慮する。
・案内板、表示板等は、車椅子使用者や視覚障害者の通行の妨げとならないよう、設置位置・形状に配慮する。</t>
    </r>
    <r>
      <rPr>
        <b/>
        <sz val="8"/>
        <color rgb="FFFF0000"/>
        <rFont val="ＭＳ ゴシック"/>
        <family val="3"/>
        <charset val="128"/>
      </rPr>
      <t>（2-258）</t>
    </r>
    <phoneticPr fontId="1"/>
  </si>
  <si>
    <r>
      <t>・案内板、表示板等は、音・音声や光による誘導と効果的に組み合わさるよう配慮する。</t>
    </r>
    <r>
      <rPr>
        <b/>
        <sz val="8"/>
        <color rgb="FFFF0000"/>
        <rFont val="ＭＳ ゴシック"/>
        <family val="3"/>
        <charset val="128"/>
      </rPr>
      <t>(2-257)</t>
    </r>
    <phoneticPr fontId="1"/>
  </si>
  <si>
    <r>
      <t>・インターホン（音による案内）又はハンドセット等を設ける場合、その中心高さは、立位と車椅子使用者両者が利用できるよう、床から100～110cm程度とする。</t>
    </r>
    <r>
      <rPr>
        <b/>
        <sz val="8"/>
        <color rgb="FFFF0000"/>
        <rFont val="ＭＳ ゴシック"/>
        <family val="3"/>
        <charset val="128"/>
      </rPr>
      <t>（2-76）</t>
    </r>
    <phoneticPr fontId="1"/>
  </si>
  <si>
    <r>
      <t>・弱視者（ロービジョン）の誘導に配慮し、わかりやすい案内表示、音声案内、人的な誘導等を組み合わせることが望ましい。
・案内表示は、弱視者（ロービジョン）のほか、白内障の高齢者の黄変化視界でもわかりやすいものとすることが望ましい。
・色で識別する案内表示では、凡例との色対応による識別が困難で表示内容が理解できない場合等があるため、凡例に色名を文字表記したり、模様や線種の違いを併用したりすることが望ましい。</t>
    </r>
    <r>
      <rPr>
        <b/>
        <sz val="8"/>
        <color rgb="FFFF0000"/>
        <rFont val="ＭＳ ゴシック"/>
        <family val="3"/>
        <charset val="128"/>
      </rPr>
      <t>（2-261）</t>
    </r>
    <phoneticPr fontId="1"/>
  </si>
  <si>
    <r>
      <t>(火災警報装置)
・火災警報装置を設ける場合には光警報装置とする等、聴覚障害者に館内放送やアナウンス、サイレン等の音声情報を光・振動等による情報や文字等の視覚情報に変換して伝えることができるように配慮する。(電子メールや振動機能のついた携帯電話等、視覚障害者に対しては、音声読み上げ機能のついた携帯電話等を活用すること等も有効である。)</t>
    </r>
    <r>
      <rPr>
        <b/>
        <sz val="8"/>
        <color rgb="FFFF0000"/>
        <rFont val="ＭＳ ゴシック"/>
        <family val="3"/>
        <charset val="128"/>
      </rPr>
      <t>(2-235)</t>
    </r>
    <rPh sb="1" eb="3">
      <t>カサイ</t>
    </rPh>
    <rPh sb="3" eb="5">
      <t>ケイホウ</t>
    </rPh>
    <rPh sb="5" eb="7">
      <t>ソウチ</t>
    </rPh>
    <phoneticPr fontId="1"/>
  </si>
  <si>
    <r>
      <t>(避難誘導のための情報伝達設備)
・聴覚障害者に配慮し、文字表示・図記号等による誘導表示を設ける。</t>
    </r>
    <r>
      <rPr>
        <b/>
        <sz val="8"/>
        <color rgb="FFFF0000"/>
        <rFont val="ＭＳ ゴシック"/>
        <family val="3"/>
        <charset val="128"/>
      </rPr>
      <t>(2-237)</t>
    </r>
    <phoneticPr fontId="1"/>
  </si>
  <si>
    <r>
      <t xml:space="preserve">
・視覚障害者等に配慮し、音声による誘導を行うことが望ましい。
・煙を避けるために低姿勢をとっても避難すべき方向がわかるよう、床面や腰の高さに、誘導灯や光点滅走行式避難誘導システム（一定の間隔で設置した光源列を火災時に避難方向に流れるように点滅させることで避難方向を示す装置）、蓄光性のある誘導タイル等を設置することが望ましい。</t>
    </r>
    <r>
      <rPr>
        <b/>
        <sz val="8"/>
        <color rgb="FFFF0000"/>
        <rFont val="ＭＳ ゴシック"/>
        <family val="3"/>
        <charset val="128"/>
      </rPr>
      <t>(2-237)</t>
    </r>
    <phoneticPr fontId="1"/>
  </si>
  <si>
    <r>
      <t>・車椅子使用者の通行の支障になるだけでなく、高齢者や妊婦、肢体不自由者等がつまずいて転倒する危険性があるため、避難経路となる屋内の通路には段を設けない。</t>
    </r>
    <r>
      <rPr>
        <b/>
        <sz val="8"/>
        <color rgb="FFFF0000"/>
        <rFont val="ＭＳ ゴシック"/>
        <family val="3"/>
        <charset val="128"/>
      </rPr>
      <t>(2-233)</t>
    </r>
    <phoneticPr fontId="1"/>
  </si>
  <si>
    <r>
      <t>・施設規模・用途等を考慮した上で、安全に救助を待つための一時待避スペースを設けることが望ましい。
・一時待避スペースは、階段の踊場、階段に隣接したバルコニー、階段付室等の一部に、避難動線の妨げとならないように設け、その旨表示する。
・一時待避スペースの構造は、十分な耐火性能や防火性能等を有するものとする。
・一時待避スペースには、車椅子使用者が待避するのに十分な空間を確保する。</t>
    </r>
    <r>
      <rPr>
        <b/>
        <sz val="8"/>
        <color rgb="FFFF0000"/>
        <rFont val="ＭＳ ゴシック"/>
        <family val="3"/>
        <charset val="128"/>
      </rPr>
      <t>(2-233)</t>
    </r>
    <phoneticPr fontId="1"/>
  </si>
  <si>
    <r>
      <t>留意点：
・エレベーターの防火区画を乗降ロビーに設けた防火戸で行う場合、防火戸の枠や柱が視覚障害者の歩行の障害になるだけでなく、衝突の危険がある。
・そのため、できる限り設けない区画設計が望ましい。
・エレベーターの防火区画を乗降ロビーに設けた防火戸で行う場合、防火戸や防火シャッターの柱や枠が避難を妨げないようにすることが望ましい。</t>
    </r>
    <r>
      <rPr>
        <b/>
        <sz val="8"/>
        <color rgb="FFFF0000"/>
        <rFont val="ＭＳ ゴシック"/>
        <family val="3"/>
        <charset val="128"/>
      </rPr>
      <t>(2-234)</t>
    </r>
    <phoneticPr fontId="1"/>
  </si>
  <si>
    <r>
      <t>・一時待避スペースには、助けを求めたり状況を伝えたりするために、中央管理室又は防災センターに連絡可能なインターホンを設けることが望ましい。</t>
    </r>
    <r>
      <rPr>
        <b/>
        <sz val="8"/>
        <color rgb="FFFF0000"/>
        <rFont val="ＭＳ ゴシック"/>
        <family val="3"/>
        <charset val="128"/>
      </rPr>
      <t>(2-234)</t>
    </r>
    <phoneticPr fontId="1"/>
  </si>
  <si>
    <r>
      <t>・一時待避スペース設ける場合は、出入口の戸等に一時待避スペースである旨の標識及び文字板を設ける。
・標識には補足表示板を設けることが望ましい。</t>
    </r>
    <r>
      <rPr>
        <b/>
        <sz val="8"/>
        <color rgb="FFFF0000"/>
        <rFont val="ＭＳ ゴシック"/>
        <family val="3"/>
        <charset val="128"/>
      </rPr>
      <t>(2-235)</t>
    </r>
    <phoneticPr fontId="1"/>
  </si>
  <si>
    <r>
      <t>・水飲み器、自動販売機、発券機、ＡＴＭ（現金自動取引装置）等の周辺には、車椅子使用者が接近できるスペースを確保する。</t>
    </r>
    <r>
      <rPr>
        <b/>
        <sz val="8"/>
        <color rgb="FFFF0000"/>
        <rFont val="ＭＳ ゴシック"/>
        <family val="3"/>
        <charset val="128"/>
      </rPr>
      <t>(2-248)</t>
    </r>
    <phoneticPr fontId="1"/>
  </si>
  <si>
    <r>
      <t xml:space="preserve">・車椅子使用者が接近できるスペースは、水平とし、その幅及び奥行きは150cm以上とすることが望ましい。
</t>
    </r>
    <r>
      <rPr>
        <b/>
        <sz val="8"/>
        <color rgb="FFFF0000"/>
        <rFont val="ＭＳ ゴシック"/>
        <family val="3"/>
        <charset val="128"/>
      </rPr>
      <t>(2-248)</t>
    </r>
    <phoneticPr fontId="1"/>
  </si>
  <si>
    <r>
      <t>・水飲み器には、杖や傘を立てかけるフック等やベンチ、荷物を置くことのできる台等を設けることが望ましい。</t>
    </r>
    <r>
      <rPr>
        <b/>
        <sz val="8"/>
        <color rgb="FFFF0000"/>
        <rFont val="ＭＳ ゴシック"/>
        <family val="3"/>
        <charset val="128"/>
      </rPr>
      <t>(2-248)</t>
    </r>
    <phoneticPr fontId="1"/>
  </si>
  <si>
    <r>
      <t>・自動販売機、発券機、ＡＴＭ（現金自動取引装置）等のボタンや操作方法の表示は、大きめの文字を用いる、漢字以外にひらがなを併記する等、高齢者、障害者等にわかりやすいデザインとし、照明等に配慮したものとする。</t>
    </r>
    <r>
      <rPr>
        <b/>
        <sz val="8"/>
        <color rgb="FFFF0000"/>
        <rFont val="ＭＳ ゴシック"/>
        <family val="3"/>
        <charset val="128"/>
      </rPr>
      <t>(2-249)</t>
    </r>
    <phoneticPr fontId="1"/>
  </si>
  <si>
    <r>
      <t>(自動販売機)
・自動販売機は、金銭投入口、操作ボタン及び取り出し口等が、それぞれ床から高さ60～100㎝程度の範囲に納まるものを選ぶことが望ましい。
・操作面が斜めになっている自動販売機では、車椅子使用者等が低い位置から利用する場合に、照明の反射で見づらいことがないよう配慮することが望ましい。</t>
    </r>
    <r>
      <rPr>
        <b/>
        <sz val="8"/>
        <color rgb="FFFF0000"/>
        <rFont val="ＭＳ ゴシック"/>
        <family val="3"/>
        <charset val="128"/>
      </rPr>
      <t>(2-249)</t>
    </r>
    <phoneticPr fontId="1"/>
  </si>
  <si>
    <r>
      <t>(ＡＴＭ)
・ＡＴＭは操作部分への車椅子使用者の接近しやすさ（足元のスペース確保）や、見やすさ（画面への映り込みの防止）・タッチパネル等の操作のしやすさに配慮したものとすることが望ましい。
・視覚障害者等の利用に配慮し、ＡＴＭの操作部分には点字を併記するとともに、音声案内による操作が可能なハンドセットを設けることが望ましい。</t>
    </r>
    <r>
      <rPr>
        <b/>
        <sz val="8"/>
        <color rgb="FFFF0000"/>
        <rFont val="ＭＳ ゴシック"/>
        <family val="3"/>
        <charset val="128"/>
      </rPr>
      <t>(2-250)</t>
    </r>
    <phoneticPr fontId="1"/>
  </si>
  <si>
    <r>
      <t>・コンセントの中心高さは、床から40㎝程度とする。
・スイッチ類（特殊なスイッチを除く）の中心高さは、110㎝程度（ベッド周辺においては80～90㎝程度）とする。</t>
    </r>
    <r>
      <rPr>
        <b/>
        <sz val="8"/>
        <color rgb="FFFF0000"/>
        <rFont val="ＭＳ ゴシック"/>
        <family val="3"/>
        <charset val="128"/>
      </rPr>
      <t>(2-251)</t>
    </r>
    <phoneticPr fontId="1"/>
  </si>
  <si>
    <r>
      <t>・スイッチ等は、大型で操作が容易なボタン形式のものとすることが望ましい。
・スイッチ及び壁の仕上げ材料等は、スイッチ等と壁の色の明度、色相又は彩度の差を確保したものとすることが望ましい。
・同一の建築物内の同一の用途のスイッチ等は、統一した設置高さ、設置位置、デザインとすることが望ましい。
・タッチパネル方式のスイッチは、視覚障害者にとって、わかりづらいものであり、望ましくない。</t>
    </r>
    <r>
      <rPr>
        <b/>
        <sz val="8"/>
        <color rgb="FFFF0000"/>
        <rFont val="ＭＳ ゴシック"/>
        <family val="3"/>
        <charset val="128"/>
      </rPr>
      <t>(2-251)</t>
    </r>
    <phoneticPr fontId="1"/>
  </si>
  <si>
    <r>
      <t>留意点：
・母乳による授乳のためのスペースは、カーテン、ついたて、内側から鍵のかかる戸（表示錠付き）等によりプライバシーを確保することが必要である。
・おむつ交換台や乳幼児用椅子等の配置は、ベビーカー等の通行を妨げないように配慮する。</t>
    </r>
    <r>
      <rPr>
        <b/>
        <sz val="8"/>
        <color rgb="FFFF0000"/>
        <rFont val="ＭＳ ゴシック"/>
        <family val="3"/>
        <charset val="128"/>
      </rPr>
      <t>(2-252)</t>
    </r>
    <phoneticPr fontId="1"/>
  </si>
  <si>
    <r>
      <t>・授乳のためのスペースには、荷物置き場や調乳のための給湯設備、哺乳びんの洗浄のための設備を設けることが望ましい。</t>
    </r>
    <r>
      <rPr>
        <b/>
        <sz val="8"/>
        <color rgb="FFFF0000"/>
        <rFont val="ＭＳ ゴシック"/>
        <family val="3"/>
        <charset val="128"/>
      </rPr>
      <t>(2-252)</t>
    </r>
    <phoneticPr fontId="1"/>
  </si>
  <si>
    <r>
      <t>授乳のためのスペースの出入口は、ベビーカーの利用に配慮した幅員と戸の形式とする。</t>
    </r>
    <r>
      <rPr>
        <b/>
        <sz val="8"/>
        <color rgb="FFFF0000"/>
        <rFont val="ＭＳ ゴシック"/>
        <family val="3"/>
        <charset val="128"/>
      </rPr>
      <t>(2-252)</t>
    </r>
    <phoneticPr fontId="1"/>
  </si>
  <si>
    <r>
      <t>留意点：
・乳幼児用おむつ交換台は落下防止措置が講じられたものとする。
・乳幼児用おむつ交換台は乳幼児を寝かせた状態でのおむつ交換に適しており、転落等の可能性のある幼児の立位姿勢でのおむつ交換、排泄前後の着脱衣には、着替え台が適している。
・乳幼児用おむつ交換台を利用する乳幼児に対し、照明の光が直接目に入らないように、照明器具の配置に配慮する必要がある。
・複数の乳幼児用おむつ交換台を設ける場合には、車椅子使用者が利用できるものを1以上設ける。</t>
    </r>
    <r>
      <rPr>
        <b/>
        <sz val="8"/>
        <color rgb="FFFF0000"/>
        <rFont val="ＭＳ ゴシック"/>
        <family val="3"/>
        <charset val="128"/>
      </rPr>
      <t>(2-252)</t>
    </r>
    <phoneticPr fontId="1"/>
  </si>
  <si>
    <r>
      <t xml:space="preserve">
・乳幼児用おむつ交換台から目や手を離さずに利用できる位置に、荷物置き場やおむつ用のごみ箱等を設けることが望ましい。</t>
    </r>
    <r>
      <rPr>
        <b/>
        <sz val="8"/>
        <color rgb="FFFF0000"/>
        <rFont val="ＭＳ ゴシック"/>
        <family val="3"/>
        <charset val="128"/>
      </rPr>
      <t>(2-252)</t>
    </r>
    <phoneticPr fontId="1"/>
  </si>
  <si>
    <r>
      <t>・授乳のためのスペースの出入口付近には、授乳のためのスペースである旨を表示する。
・男性の哺乳びんによる授乳やおむつ替えにも配慮し、授乳やおむつ替えのためのスペースの出入口付近には、内部の設備配置等の状況、男女の入室可否を表示する。</t>
    </r>
    <r>
      <rPr>
        <b/>
        <sz val="8"/>
        <color rgb="FFFF0000"/>
        <rFont val="ＭＳ ゴシック"/>
        <family val="3"/>
        <charset val="128"/>
      </rPr>
      <t>(2-252)</t>
    </r>
    <phoneticPr fontId="1"/>
  </si>
  <si>
    <r>
      <t>・車椅子使用者が接近しやすいように、カウンター等の前面には車椅子使用者が転回できるスペースを設け、また、床面は水平であることが望ましい。</t>
    </r>
    <r>
      <rPr>
        <b/>
        <sz val="8"/>
        <color rgb="FFFF0000"/>
        <rFont val="ＭＳ ゴシック"/>
        <family val="3"/>
        <charset val="128"/>
      </rPr>
      <t>(2-245)</t>
    </r>
    <phoneticPr fontId="1"/>
  </si>
  <si>
    <r>
      <t>・筆談ボードやコミュニケーション支援ボード、筆談が可能なタブレット端末等を常備した案内所等のカウンターには、「筆談で対応します。」「聴覚障害者向けの備品の貸し出しがあります。」という案内や筆談等の支援に関する表示（耳マーク、手話マーク・筆談マーク等）を設置する</t>
    </r>
    <r>
      <rPr>
        <b/>
        <sz val="8"/>
        <rFont val="ＭＳ ゴシック"/>
        <family val="3"/>
        <charset val="128"/>
      </rPr>
      <t>(2-247)</t>
    </r>
    <phoneticPr fontId="1"/>
  </si>
  <si>
    <r>
      <t>・視覚障害者誘導用ブロック等を敷設する場合は、ハイカウンター側に誘導する。</t>
    </r>
    <r>
      <rPr>
        <b/>
        <sz val="8"/>
        <color rgb="FFFF0000"/>
        <rFont val="ＭＳ ゴシック"/>
        <family val="3"/>
        <charset val="128"/>
      </rPr>
      <t>(2-245)</t>
    </r>
    <phoneticPr fontId="1"/>
  </si>
  <si>
    <t>・視覚障害者等に配慮し、立位のカウンターを設けること。</t>
    <phoneticPr fontId="1"/>
  </si>
  <si>
    <r>
      <t>・立位で使用するハイカウンターには、高齢者、障害者等が使用できるローカウンター等を併せて設ける。
・カウンター等の下端の高さは65～70㎝程度とし、上端の高さは70～75㎝程度とする。
・カウンター等の下部スペースの奥行きは、45㎝以上とする。</t>
    </r>
    <r>
      <rPr>
        <b/>
        <sz val="8"/>
        <rFont val="ＭＳ ゴシック"/>
        <family val="3"/>
        <charset val="128"/>
      </rPr>
      <t>(2-245)</t>
    </r>
    <r>
      <rPr>
        <sz val="8"/>
        <rFont val="ＭＳ ゴシック"/>
        <family val="3"/>
        <charset val="128"/>
      </rPr>
      <t xml:space="preserve">
</t>
    </r>
    <phoneticPr fontId="1"/>
  </si>
  <si>
    <r>
      <t>・立位で使用するハイカウンターは、身体の支えとなるよう床及び壁に固定し、必要に応じ手すりを設けることが望ましい。
・机上の照度を十分に確保することが望ましい。ただし、障害によっては明るさが支障となる場合もあるので、手元で点灯・消灯操作ができる手元照明がより望ましい。なお、スポットライトは避ける。
・カウンターには、杖や傘を立てかけることのできるくぼみ、又は杖ホルダー等の備品を設けることが望ましい。</t>
    </r>
    <r>
      <rPr>
        <b/>
        <sz val="8"/>
        <color rgb="FFFF0000"/>
        <rFont val="ＭＳ ゴシック"/>
        <family val="3"/>
        <charset val="128"/>
      </rPr>
      <t>(2-245)</t>
    </r>
    <phoneticPr fontId="1"/>
  </si>
  <si>
    <r>
      <t>道等から前条第二項の規定による設備(標識)又は同条第三項の規定による案内所までの経路（不特定かつ多数の者が利用し、又は主として視覚障害者が利用するものに限る。）は、そのうち１以上を、視覚障害者が円滑に利用できる経路（以下この条において「視覚障害者移動等円滑化経路」という。）にしなければならない。ただし、視覚障害者の利用上支障がないものとして国土交通大臣が定める場合(※)は、この限りでない。</t>
    </r>
    <r>
      <rPr>
        <b/>
        <sz val="8"/>
        <rFont val="ＭＳ ゴシック"/>
        <family val="3"/>
        <charset val="128"/>
      </rPr>
      <t xml:space="preserve">（第21条）
</t>
    </r>
    <r>
      <rPr>
        <u/>
        <sz val="8"/>
        <rFont val="ＭＳ ゴシック"/>
        <family val="3"/>
        <charset val="128"/>
      </rPr>
      <t>(※)道等から案内設備までの経路が、主として自動車の駐車の用に供する施設に設けるもの又は建築物の内にある当該建築物を管理する者等が常時勤務する案内所から直接地上へ通ずる出入口を容易に視認でき、かつ、道等から当該出入口までの経路が視覚障害者移動等円滑化経路である場合</t>
    </r>
    <rPh sb="18" eb="20">
      <t>ヒョウシキ</t>
    </rPh>
    <phoneticPr fontId="1"/>
  </si>
  <si>
    <r>
      <t>道等から前条第二項の規定による設備（標識）又は同条第三項の規定による案内所までの主たる経路（不特定かつ多数の者が利用し、又は主として視覚障害者が利用するものに限る。）は、視覚障害者移動等円滑化経路にしなければならない。ただし、視覚障害者の利用上支障がないものとして国土交通大臣が定める場合（※）は、この限りでない。</t>
    </r>
    <r>
      <rPr>
        <b/>
        <sz val="8"/>
        <rFont val="ＭＳ ゴシック"/>
        <family val="3"/>
        <charset val="128"/>
      </rPr>
      <t>（第16条）</t>
    </r>
    <r>
      <rPr>
        <sz val="8"/>
        <rFont val="ＭＳ ゴシック"/>
        <family val="3"/>
        <charset val="128"/>
      </rPr>
      <t xml:space="preserve">
</t>
    </r>
    <r>
      <rPr>
        <u/>
        <sz val="8"/>
        <rFont val="ＭＳ ゴシック"/>
        <family val="3"/>
        <charset val="128"/>
      </rPr>
      <t>（※）道等から案内設備までの経路が、主として自動車の駐車の用に供する施設に設けるもの又は建築物の内にある当該建築物を管理する者等が常時勤務する案内所から直接地上ヘ通ずる出入口を容易に視認でき、かつ、道等から当該出入口までの経路が視覚障害者移動等円滑化経路である場合</t>
    </r>
    <rPh sb="18" eb="20">
      <t>ヒョウシキ</t>
    </rPh>
    <rPh sb="158" eb="159">
      <t>ダイ</t>
    </rPh>
    <rPh sb="161" eb="162">
      <t>ジョウ</t>
    </rPh>
    <phoneticPr fontId="1"/>
  </si>
  <si>
    <r>
      <t>道等から12の項(2)イに定める構造の設備又は案内所までの経路（駐車場から４の項に定める構造の出入口等に至る経路を除く。）は、そのうち１以上を、次に掲げる視覚障害者が円滑に利用できる経路とすること。</t>
    </r>
    <r>
      <rPr>
        <u/>
        <sz val="8"/>
        <rFont val="ＭＳ ゴシック"/>
        <family val="3"/>
        <charset val="128"/>
      </rPr>
      <t>ただし、小規模無床診療所及び小規模店舗及び小規模興行・遊興施設並びに別表第１の７の項から９の項まで及び16の項に掲げる公共的施設にあっては、この限りでない。</t>
    </r>
    <phoneticPr fontId="1"/>
  </si>
  <si>
    <r>
      <t xml:space="preserve">・道等から点字・音声等による案内設備又は案内所に至る1以上の経路には、視覚障害者の誘導を行うために、線状ブロック等及び点状ブロック等を適切に組み合わせて敷設し、又は音声その他の方法により視覚障害者を誘導する設備を設ける。（進行方向を変更す
る必要がない風除室内を除く。）
例外＞
</t>
    </r>
    <r>
      <rPr>
        <u/>
        <sz val="8"/>
        <rFont val="ＭＳ ゴシック"/>
        <family val="3"/>
        <charset val="128"/>
      </rPr>
      <t>(1)道等から案内設備までの経路が主として自動車の駐車の用に供する施設に設けるものである場合
(2)道等から案内設備までの経路が建築物の内にある当該建築物を管理する者等が常時勤務する案内所から直接地上へ通ずる出入口を容易に視認でき、かつ、道等から当該出入口までの経路が線状ブロック等及び点状ブロック等を適切に組み合わせて敷設し、又は音声その他の方法により視覚障害者を誘導する設備を設けたものである場合</t>
    </r>
    <r>
      <rPr>
        <b/>
        <u/>
        <sz val="8"/>
        <rFont val="ＭＳ ゴシック"/>
        <family val="3"/>
        <charset val="128"/>
      </rPr>
      <t>（2-267）</t>
    </r>
    <rPh sb="136" eb="138">
      <t>レイガイ</t>
    </rPh>
    <phoneticPr fontId="1"/>
  </si>
  <si>
    <r>
      <t>・不特定多数の人が利用する施設で広いロビーやホワイエがある場合、受付カウンター等の案内設備が建築物の出入口と異なる階にある場合等には、点字・音声等による案内設備又は案内所のほかに、エレベーターへの視覚障害者の誘導に配慮する。
・官公署等の日常的に不特定かつ多数な人が利用する施設では、点字・音声等による案内設備又は案内所のほか、エレベーター、階段、便所、福祉関係の窓口等の利用頻度が高いところまで、視覚障害者の誘導に配慮する。</t>
    </r>
    <r>
      <rPr>
        <b/>
        <sz val="8"/>
        <color rgb="FFFF0000"/>
        <rFont val="ＭＳ ゴシック"/>
        <family val="3"/>
        <charset val="128"/>
      </rPr>
      <t>（2-273）</t>
    </r>
    <phoneticPr fontId="1"/>
  </si>
  <si>
    <r>
      <t>・点状ブロック等は、階段手前30cm程度の位置に敷設する。
※段がある部分の上端に近接する踊場における点状ブロック等の敷設位置を、段鼻の直前とすると踏み外す危険があるため、30cm程度の余幅を取っておくことが必要である。</t>
    </r>
    <r>
      <rPr>
        <b/>
        <sz val="8"/>
        <color rgb="FFFF0000"/>
        <rFont val="ＭＳ ゴシック"/>
        <family val="3"/>
        <charset val="128"/>
      </rPr>
      <t>(2-91)</t>
    </r>
    <phoneticPr fontId="1"/>
  </si>
  <si>
    <r>
      <t>・視覚障害者誘導用ブロック等の機能･効果が低下しないよう、継続的に適切な維持管理･保守を行うことが望ましい。</t>
    </r>
    <r>
      <rPr>
        <b/>
        <sz val="8"/>
        <color rgb="FFFF0000"/>
        <rFont val="ＭＳ ゴシック"/>
        <family val="3"/>
        <charset val="128"/>
      </rPr>
      <t>（2-269）</t>
    </r>
    <phoneticPr fontId="1"/>
  </si>
  <si>
    <r>
      <t>(視覚障害者誘導用ブロックの敷設方法)
・車いす使用者やベビーカー等での通行に支障がないよう敷設するとともに、</t>
    </r>
    <r>
      <rPr>
        <u/>
        <sz val="8"/>
        <rFont val="ＭＳ ゴシック"/>
        <family val="3"/>
        <charset val="128"/>
      </rPr>
      <t>構築物等の壁面から通行の支障とならない距離を確保すること。</t>
    </r>
    <phoneticPr fontId="1"/>
  </si>
  <si>
    <r>
      <t>・視覚障害者が方向を見失い、場所の認知が困難になる場合があるため、視覚障害者誘導用ブロック等の敷設方法は、可能な限り次に示す標準的な敷設方法とする。
(1)利用者を混乱させないよう、視覚障害者誘導用ブロック等の敷設にあたっては、線状ブロック等と点状ブロック等を適切に組み合わせ、使い分ける。
(2)誘導の方向と線状ブロック等の線状突起の方向を平行にして、連続して敷設する。
(4)原則として湾曲しないよう直線状に敷設し、屈折する場合は直角に配置する</t>
    </r>
    <r>
      <rPr>
        <b/>
        <sz val="8"/>
        <color rgb="FFFF0000"/>
        <rFont val="ＭＳ ゴシック"/>
        <family val="3"/>
        <charset val="128"/>
      </rPr>
      <t>（2-268）</t>
    </r>
    <phoneticPr fontId="1"/>
  </si>
  <si>
    <t>（敷設位置）
・受付等の前に敷設する点状ブロックの位置は、受付等の前端から30センチメートル程度離れた箇所とすること。</t>
    <phoneticPr fontId="1"/>
  </si>
  <si>
    <r>
      <t>(3)敷設幅は、30cm以上とする。</t>
    </r>
    <r>
      <rPr>
        <b/>
        <sz val="8"/>
        <color rgb="FFFF0000"/>
        <rFont val="ＭＳ ゴシック"/>
        <family val="3"/>
        <charset val="128"/>
      </rPr>
      <t>（2-268）</t>
    </r>
    <phoneticPr fontId="1"/>
  </si>
  <si>
    <r>
      <t>・危険の可能性・歩行方向の変更の必要性を予告する部分、注意喚起を必要とする部分には、点状ブロック等を敷設する。</t>
    </r>
    <r>
      <rPr>
        <b/>
        <sz val="8"/>
        <color rgb="FFFF0000"/>
        <rFont val="ＭＳ ゴシック"/>
        <family val="3"/>
        <charset val="128"/>
      </rPr>
      <t>（2-267）</t>
    </r>
    <phoneticPr fontId="1"/>
  </si>
  <si>
    <r>
      <t>・視覚障害者等が施設を実際に利用する動線を十分に検討した上で、円滑な利用が可能な経路に視覚障害者誘導用ブロック等を敷設することが望ましい。</t>
    </r>
    <r>
      <rPr>
        <b/>
        <sz val="8"/>
        <color rgb="FFFF0000"/>
        <rFont val="ＭＳ ゴシック"/>
        <family val="3"/>
        <charset val="128"/>
      </rPr>
      <t>(2-267)</t>
    </r>
    <phoneticPr fontId="1"/>
  </si>
  <si>
    <r>
      <t>ロ　段がある部分又は傾斜がある部分の上端に近接する部分（視覚障害者の利用上支障がないものとして国土交通大臣が定める部分(※)を除く。）</t>
    </r>
    <r>
      <rPr>
        <b/>
        <sz val="8"/>
        <rFont val="ＭＳ ゴシック"/>
        <family val="3"/>
        <charset val="128"/>
      </rPr>
      <t xml:space="preserve">（第21条）
</t>
    </r>
    <r>
      <rPr>
        <sz val="8"/>
        <rFont val="ＭＳ ゴシック"/>
        <family val="3"/>
        <charset val="128"/>
      </rPr>
      <t xml:space="preserve">（※）
</t>
    </r>
    <r>
      <rPr>
        <u/>
        <sz val="8"/>
        <rFont val="ＭＳ ゴシック"/>
        <family val="3"/>
        <charset val="128"/>
      </rPr>
      <t>・勾配が20分の１を超えない傾斜がある部分の上端に近接するもの
・高さが16センチメートルを超えず、かつ、勾配が12分の１を超えない傾斜がある部分の上端に近接するもの
・段がある部分若しくは傾斜がある部分と連続して手すりを設ける踊場等</t>
    </r>
    <phoneticPr fontId="1"/>
  </si>
  <si>
    <r>
      <t xml:space="preserve">・道等から点字・音声等による案内設備又は案内所に至る1以上の経路では、車路に近接する部分、段がある部分又は傾斜がある部分の上端に近接する部分には、視覚障害者に対し警告を行うために、点状ブロック等を敷設する。
例外＞
</t>
    </r>
    <r>
      <rPr>
        <u/>
        <sz val="8"/>
        <rFont val="ＭＳ ゴシック"/>
        <family val="3"/>
        <charset val="128"/>
      </rPr>
      <t>(1)勾配が1/20を超えない傾斜がある部分の上端に近接するもの
(2)高さが16cmを超えず、かつ、勾配が1/12を超えない傾斜がある部分の上端に近接するもの
(3)段がある部分若しくは傾斜がある部分と連続して手すりを設ける踊場等</t>
    </r>
    <r>
      <rPr>
        <b/>
        <sz val="8"/>
        <rFont val="ＭＳ ゴシック"/>
        <family val="3"/>
        <charset val="128"/>
      </rPr>
      <t>(2-267)</t>
    </r>
    <rPh sb="104" eb="106">
      <t>レイガイ</t>
    </rPh>
    <phoneticPr fontId="1"/>
  </si>
  <si>
    <r>
      <t>不特定かつ多数の者が利用し、又は主として高齢者、障害者等が利用する廊下等は、次に掲げるものでなければならない。
二　階段又は傾斜路（階段に代わり、又はこれに併設するものに限る。）の上端に近接する廊下等の部分（不特定かつ多数の者が利用し、又は主として視覚障害者が利用するものに限る。）には、視覚障害者に対し段差又は傾斜の存在の警告を行うために、点状ブロック等（床面に敷設されるブロックその他これに類するものであって、点状の突起が設けられており、かつ、周囲の床面との色の明度、色相又は彩度の差が大きいことにより容易に識別できるものをいう。以下同じ。）を敷設すること。ただし、視覚障害者の利用上支障がないものとして国土交通大臣が定める場合(※)は、この限りでない。　</t>
    </r>
    <r>
      <rPr>
        <b/>
        <sz val="8"/>
        <rFont val="ＭＳ ゴシック"/>
        <family val="3"/>
        <charset val="128"/>
      </rPr>
      <t xml:space="preserve">（第11条）
</t>
    </r>
    <r>
      <rPr>
        <u/>
        <sz val="8"/>
        <rFont val="ＭＳ ゴシック"/>
        <family val="3"/>
        <charset val="128"/>
      </rPr>
      <t>(※)階段又は傾斜路の上端に近接する廊下等の部分が次の各号のいずれかに該当するものである場合
一　勾配が20分の１を超えない傾斜がある部分の上端に近接するもの
二　高さが16センチメートルを超えず、かつ、勾配が12分の１を超えない傾斜がある部分の上端に近接するもの
三　主として自動車の駐車の用に供する施設に設けるもの</t>
    </r>
    <phoneticPr fontId="1"/>
  </si>
  <si>
    <r>
      <t xml:space="preserve">・視覚障害者に対し警告を行うため、傾斜がある部分の上端に近接する踊場の部分には、点状ブロック等を敷設する。
例外＞
</t>
    </r>
    <r>
      <rPr>
        <u/>
        <sz val="8"/>
        <rFont val="ＭＳ ゴシック"/>
        <family val="3"/>
        <charset val="128"/>
      </rPr>
      <t>(1)勾配が1/20を超えない傾斜がある部分の上端に近接するもの
(2)高さが16cmを超えず、かつ、勾配が1/12を超えない傾斜がある部分の上端に近接するもの
(3)主として自動車の駐車の用に供する施設に設けるもの
(4)傾斜がある部分と連続して手すりを設けるものである場合</t>
    </r>
    <r>
      <rPr>
        <b/>
        <sz val="8"/>
        <rFont val="ＭＳ ゴシック"/>
        <family val="3"/>
        <charset val="128"/>
      </rPr>
      <t>（2-271）</t>
    </r>
    <phoneticPr fontId="1"/>
  </si>
  <si>
    <t>２の項に定める構造の傾斜路の傾斜（こう配が20分の１を超えないもの及び高さが16センチメートルを超えず、かつ、こう配が12分の１を超えないものを除く。）がある部分の上端に近接する踊場（駐車場に設けるものを除く。）の部分（傾斜がある部分と連続して手すりを設ける場合はこの限りでない。）</t>
    <phoneticPr fontId="1"/>
  </si>
  <si>
    <r>
      <t>不特定かつ多数の者が利用し、又は主として高齢者、障害者等が利用する傾斜路（階段に代わり、又はこれに併設するものに限る。）は、次に掲げるものでなければならない。
四　傾斜がある部分の上端に近接する踊場の部分（不特定かつ多数の者が利用し、又は主として視覚障害者が利用するものに限る。）には、視覚障害者に対し警告を行うために、点状ブロック等を敷設すること。ただし、視覚障害者の利用上支障がないものとして国土交通大臣が定める場合は、この限りでない</t>
    </r>
    <r>
      <rPr>
        <b/>
        <sz val="8"/>
        <rFont val="ＭＳ ゴシック"/>
        <family val="3"/>
        <charset val="128"/>
      </rPr>
      <t xml:space="preserve">（第13条）
</t>
    </r>
    <r>
      <rPr>
        <sz val="8"/>
        <rFont val="ＭＳ ゴシック"/>
        <family val="3"/>
        <charset val="128"/>
      </rPr>
      <t>(※)段がある部分の上端に近接する踊場の部分が、主として自動車の駐車の用に供する施設に設けるもの又は段がある部分と連続して手すりを設けるものである場合</t>
    </r>
    <phoneticPr fontId="1"/>
  </si>
  <si>
    <r>
      <t xml:space="preserve">道等から点字・音声等による案内設備又は案内所に至る1以上の経路には、視覚障害者の誘導を行うために、線状ブロック等及び点状ブロック等を適切に組み合わせて敷設し、又は音声その他の方法により視覚障害者を誘導する設備を設ける。（進行方向を変更する必要がない風除室内を除く。）
</t>
    </r>
    <r>
      <rPr>
        <u/>
        <sz val="8"/>
        <rFont val="ＭＳ ゴシック"/>
        <family val="3"/>
        <charset val="128"/>
      </rPr>
      <t>例外＞
(1)道等から案内設備までの経路が主として自動車の駐車の用に供する施設に設けるものである場合
(2)道等から案内設備までの経路が建築物の内にある当該建築物を管理する者等が常時勤務する案内所から直接地上へ通ずる出入口を容易に視認でき、かつ、道等から当該出入口までの経路が線状ブロック等及び点状ブロック等を適切に組み合わせて敷設し、又は音声その他の方法により視覚障害者を誘導する設備を設けたものである場合</t>
    </r>
    <r>
      <rPr>
        <sz val="8"/>
        <rFont val="ＭＳ ゴシック"/>
        <family val="3"/>
        <charset val="128"/>
      </rPr>
      <t xml:space="preserve">
・視覚障害者が位置を認知しやすいよう、建築物の出入口の戸又は玄関マットの手前、案内所の受付カウンターや点字・音声等による案内設備の手前には、点状ブロック等を３枚程度、敷設する。
・道等と建築物の出入口の距離が短い等、視覚障害者誘導用ブロック等の敷設以外の誘導方法を選択する必要がある場合には、音声等による誘導、又は従業員等による人的誘導を行う。</t>
    </r>
    <r>
      <rPr>
        <b/>
        <sz val="8"/>
        <rFont val="ＭＳ ゴシック"/>
        <family val="3"/>
        <charset val="128"/>
      </rPr>
      <t>（2-73）</t>
    </r>
    <rPh sb="134" eb="136">
      <t>レイガイ</t>
    </rPh>
    <phoneticPr fontId="1"/>
  </si>
  <si>
    <t>４の項(1)に定める構造の主要な出入口等のうち、それぞれ１以上の主要な出入口等（屋内に設ける改札口及びレジ通路を除く。）又は各利用居室相互間の経路の出口の戸の前後</t>
    <rPh sb="0" eb="81">
      <t>レイガイ</t>
    </rPh>
    <phoneticPr fontId="1"/>
  </si>
  <si>
    <r>
      <rPr>
        <u/>
        <sz val="8"/>
        <rFont val="ＭＳ ゴシック"/>
        <family val="3"/>
        <charset val="128"/>
      </rPr>
      <t>多数の者が</t>
    </r>
    <r>
      <rPr>
        <sz val="8"/>
        <rFont val="ＭＳ ゴシック"/>
        <family val="3"/>
        <charset val="128"/>
      </rPr>
      <t>利用する階段は、次に掲げるものとしなければならない。
八　段がある部分の上端に近接する踊場の部分（不特定かつ多数の者が利用し、又は主として視覚障害者が利用するものに限る。）には、点状ブロック等を敷設すること。ただし、視覚障害者の利用上支障がないものとして国土交通大臣が定める場合（※）は、この限りでない。</t>
    </r>
    <r>
      <rPr>
        <b/>
        <sz val="8"/>
        <rFont val="ＭＳ ゴシック"/>
        <family val="3"/>
        <charset val="128"/>
      </rPr>
      <t>（第４条）</t>
    </r>
    <r>
      <rPr>
        <sz val="8"/>
        <rFont val="ＭＳ ゴシック"/>
        <family val="3"/>
        <charset val="128"/>
      </rPr>
      <t>　
（※）段がある部分の上端に近接する踊場の部分が、主として自動車の駐車の用に供する施設に設けるもの又は段がある部分と連続して手すりを設けるものである場合とする。</t>
    </r>
    <phoneticPr fontId="1"/>
  </si>
  <si>
    <r>
      <rPr>
        <u/>
        <sz val="8"/>
        <rFont val="ＭＳ ゴシック"/>
        <family val="3"/>
        <charset val="128"/>
      </rPr>
      <t>多数の者</t>
    </r>
    <r>
      <rPr>
        <sz val="8"/>
        <rFont val="ＭＳ ゴシック"/>
        <family val="3"/>
        <charset val="128"/>
      </rPr>
      <t>が利用する廊下等は、次に掲げるものでなければならない。
三　階段又は傾斜路（階段に代わり、又はこれに併設するものに限る。）の上端に近接する廊下等の部分（不特定かつ多数の者が利用し、又は主として視覚障害者が利用するものに限る。）には、点状ブロック等を敷設すること。ただし、視覚障害者の利用上支障がないものとして国土交通大臣が定める場合(※)は、この限りでない。</t>
    </r>
    <r>
      <rPr>
        <b/>
        <sz val="8"/>
        <rFont val="ＭＳ ゴシック"/>
        <family val="3"/>
        <charset val="128"/>
      </rPr>
      <t>（第３条第１項）</t>
    </r>
    <r>
      <rPr>
        <sz val="8"/>
        <rFont val="ＭＳ ゴシック"/>
        <family val="3"/>
        <charset val="128"/>
      </rPr>
      <t>　
(※)階段又は傾斜路の上端に近接する廊下等の部分が次の各号のいずれかに該当するものである場合とする。
一　勾配が20分の１を超えない傾斜がある部分の上端に近接するもの
二　高さが16センチメートルを超えず、かつ、勾配が12分の１を超えない傾斜がある部分の上端に近接するもの
三　主として自動車の駐車の用に供する施設に設けるもの
※車いす使用者用駐車施設が設けられていない駐車場、階段等のみに通ずる廊下等の部分は整備不要</t>
    </r>
    <r>
      <rPr>
        <b/>
        <sz val="8"/>
        <rFont val="ＭＳ ゴシック"/>
        <family val="3"/>
        <charset val="128"/>
      </rPr>
      <t>（第３条第２項）　</t>
    </r>
    <rPh sb="184" eb="185">
      <t>ダイ</t>
    </rPh>
    <rPh sb="186" eb="187">
      <t>ジョウ</t>
    </rPh>
    <rPh sb="399" eb="401">
      <t>セイビ</t>
    </rPh>
    <rPh sb="401" eb="403">
      <t>フヨウ</t>
    </rPh>
    <rPh sb="407" eb="408">
      <t>ダイ</t>
    </rPh>
    <rPh sb="409" eb="410">
      <t>コウ</t>
    </rPh>
    <phoneticPr fontId="1"/>
  </si>
  <si>
    <r>
      <rPr>
        <u/>
        <sz val="8"/>
        <rFont val="ＭＳ ゴシック"/>
        <family val="3"/>
        <charset val="128"/>
      </rPr>
      <t>多数の者</t>
    </r>
    <r>
      <rPr>
        <sz val="8"/>
        <rFont val="ＭＳ ゴシック"/>
        <family val="3"/>
        <charset val="128"/>
      </rPr>
      <t>が利用する傾斜路（階段に代わり、又はこれに併設するものに限る。）は、次に掲げるものでなければならない。
七　傾斜がある部分の上端に近接する踊場の部分（不特定かつ多数の者が利用し、又は主として視覚障害者が利用するものに限る。）には、点状ブロック等を敷設すること。ただし、視覚障害者の利用上支障がないものとして国土交通大臣が定める場合(※)は、この限りでない。</t>
    </r>
    <r>
      <rPr>
        <b/>
        <sz val="8"/>
        <rFont val="ＭＳ ゴシック"/>
        <family val="3"/>
        <charset val="128"/>
      </rPr>
      <t xml:space="preserve">（第６条第１項）
</t>
    </r>
    <r>
      <rPr>
        <sz val="8"/>
        <rFont val="ＭＳ ゴシック"/>
        <family val="3"/>
        <charset val="128"/>
      </rPr>
      <t>(※)
・勾配が20分の１を超えない傾斜がある部分の上端に近接するもの
・高さが16センチメートルを超えず、かつ、勾配が12分の１を超えない傾斜がある部分の上端に近接するもの
・主として自動車の駐車の用に供する施設に設けるもの
・傾斜がある部分と連続して手すりを設けるもの</t>
    </r>
    <rPh sb="183" eb="184">
      <t>ダイ</t>
    </rPh>
    <rPh sb="185" eb="186">
      <t>ジョウ</t>
    </rPh>
    <rPh sb="186" eb="187">
      <t>ダイ</t>
    </rPh>
    <rPh sb="188" eb="189">
      <t>コウ</t>
    </rPh>
    <phoneticPr fontId="1"/>
  </si>
  <si>
    <r>
      <t>・点状ブロック等は階段の上端に敷設する他、階段の上端・下端を予告する意味で、階段の下端にも敷設することが考えられる。
・出入口等から階段まで連続誘導がなされている場合には、上端・下端ともに敷設することが望ましい。</t>
    </r>
    <r>
      <rPr>
        <b/>
        <sz val="8"/>
        <color rgb="FFFF0000"/>
        <rFont val="ＭＳ ゴシック"/>
        <family val="3"/>
        <charset val="128"/>
      </rPr>
      <t>（2-271）</t>
    </r>
    <phoneticPr fontId="1"/>
  </si>
  <si>
    <t>別表第１の３の項に掲げる医療施設（無床診療所を除く。）及び５の項（(1)又は(2)の用に供するものに限る。）に掲げる商業施設」とは、無床診療所を除く医療施設、公益事業所及び金融機関のことである。
・窓口等とは、病院、金融機関等において診察や支払い等の順番の呼び出し等を行う場所をいう。
・「文字情報を表示するための設備」には、発光ダイオードや液晶等の電光表示板等が考えられる。</t>
    <phoneticPr fontId="1"/>
  </si>
  <si>
    <t>・あわせて、ソフト面として、筆談ができる備品の整備等がある。</t>
    <phoneticPr fontId="1"/>
  </si>
  <si>
    <r>
      <t>（劇場、競技場等の客席・観覧席）
・客席・観覧席には、字幕等の作成・操作のための機器等を設けたスペースを設けることが望ましい。他の作業を行うスペースと兼用する場合には、作業が交錯しないよう配慮する。
・舞台もしくは客席・観覧席もしくは楽屋等に、パソコン要約筆記者用スペース（４名分の作業台）を確保することが望ましい。</t>
    </r>
    <r>
      <rPr>
        <b/>
        <sz val="8"/>
        <rFont val="ＭＳ ゴシック"/>
        <family val="3"/>
        <charset val="128"/>
      </rPr>
      <t>（2-212）</t>
    </r>
    <phoneticPr fontId="1"/>
  </si>
  <si>
    <r>
      <t>・聴覚障害者には館内放送やアナウンス､サイレン等の音声情報が伝達されないため、これらを画像（視覚情報）や光・振動等の情報に転換して伝えることが望ましい。
・音声情報を視覚・光･振動に転換する方法は､建築物に組み込んだ建築設備によるものと､備品等で対応する方法がある。施設の利用形態により､どの方法を採用するか､十分に検討することが望ましい。
・聴覚障害者対応の技術は､必ずしも建築物ではなく、備品で対応するものも少なくないが､建築物との連携に十分に配慮する。</t>
    </r>
    <r>
      <rPr>
        <b/>
        <sz val="8"/>
        <color rgb="FFFF0000"/>
        <rFont val="ＭＳ ゴシック"/>
        <family val="3"/>
        <charset val="128"/>
      </rPr>
      <t>（2-277）</t>
    </r>
    <phoneticPr fontId="1"/>
  </si>
  <si>
    <t>劇場、観覧場、映画館、演芸場、集会場又は公会堂（以下「劇場等」という。）に客席を設ける場合には、客席の総数が200以下のときは当該客席の総数に50分の1を乗じて得た数以上、客席の総数が200を超え2,000以下のときは当該客席の総数に100分の１を乗じて得た数に２を加えた数以上、客席の総数が2,000を超えるときは当該客席の総数に10,000分の75を乗じて得た数に７を加えた数以上の車椅子使用者用客席（車椅子使用者が円滑に利用できる客席をいう。以下この条において同じ。）を設けなければならない。（12条の2第１項）</t>
    <rPh sb="252" eb="253">
      <t>ジョウ</t>
    </rPh>
    <rPh sb="255" eb="256">
      <t>ダイ</t>
    </rPh>
    <rPh sb="257" eb="258">
      <t>コウ</t>
    </rPh>
    <phoneticPr fontId="1"/>
  </si>
  <si>
    <t>３　客席の総数が200を超える場合には、第１項の規定による車椅子使用者用客席を２箇所以上に分散して設けなければならない。</t>
    <phoneticPr fontId="1"/>
  </si>
  <si>
    <t>２項
一　幅は、90センチメートル以上とすること。</t>
    <rPh sb="1" eb="2">
      <t>コウ</t>
    </rPh>
    <phoneticPr fontId="1"/>
  </si>
  <si>
    <t>２項
二　奥行きは、120センチメートル以上とすること。</t>
    <rPh sb="1" eb="2">
      <t>コウ</t>
    </rPh>
    <phoneticPr fontId="1"/>
  </si>
  <si>
    <t xml:space="preserve">２項
三　床は、平らとすること。
</t>
    <rPh sb="1" eb="2">
      <t>コウ</t>
    </rPh>
    <phoneticPr fontId="1"/>
  </si>
  <si>
    <t>２項
五　同伴者用の客席又はスペースを当該車椅子使用者用客席に隣接して設けること。</t>
    <rPh sb="1" eb="2">
      <t>コウ</t>
    </rPh>
    <phoneticPr fontId="1"/>
  </si>
  <si>
    <t>２項
四　車椅子使用者が舞台等を容易に視認できる構造とすること。</t>
    <rPh sb="1" eb="2">
      <t>コウ</t>
    </rPh>
    <phoneticPr fontId="1"/>
  </si>
  <si>
    <r>
      <t>次に定める構造の車いすで利用できる席（以下「車いす使用者用客席」という。）を</t>
    </r>
    <r>
      <rPr>
        <u/>
        <sz val="8"/>
        <rFont val="ＭＳ ゴシック"/>
        <family val="3"/>
        <charset val="128"/>
      </rPr>
      <t>２</t>
    </r>
    <r>
      <rPr>
        <sz val="8"/>
        <rFont val="ＭＳ ゴシック"/>
        <family val="3"/>
        <charset val="128"/>
      </rPr>
      <t>（客席数の合計が500席を超えるときは、客席数の合計に１／200を乗じて得た数。ただし、その数に１未満の端数があるときは、これを１に切り上げるものとする。）以上設けること。</t>
    </r>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fonts count="19">
    <font>
      <sz val="12"/>
      <color theme="1"/>
      <name val="ＭＳ 明朝"/>
      <family val="2"/>
      <charset val="128"/>
    </font>
    <font>
      <sz val="6"/>
      <name val="ＭＳ 明朝"/>
      <family val="2"/>
      <charset val="128"/>
    </font>
    <font>
      <sz val="12"/>
      <name val="ＭＳ 明朝"/>
      <family val="2"/>
      <charset val="128"/>
    </font>
    <font>
      <sz val="11"/>
      <name val="ＭＳ ゴシック"/>
      <family val="3"/>
      <charset val="128"/>
    </font>
    <font>
      <b/>
      <sz val="11"/>
      <name val="ＭＳ ゴシック"/>
      <family val="3"/>
      <charset val="128"/>
    </font>
    <font>
      <sz val="8"/>
      <name val="ＭＳ ゴシック"/>
      <family val="3"/>
      <charset val="128"/>
    </font>
    <font>
      <sz val="9"/>
      <name val="ＭＳ 明朝"/>
      <family val="1"/>
      <charset val="128"/>
    </font>
    <font>
      <sz val="8"/>
      <name val="ＭＳ 明朝"/>
      <family val="1"/>
      <charset val="128"/>
    </font>
    <font>
      <sz val="10.5"/>
      <name val="ＭＳ ゴシック"/>
      <family val="3"/>
      <charset val="128"/>
    </font>
    <font>
      <b/>
      <sz val="8"/>
      <name val="ＭＳ ゴシック"/>
      <family val="3"/>
      <charset val="128"/>
    </font>
    <font>
      <sz val="18"/>
      <name val="ＭＳ ゴシック"/>
      <family val="3"/>
      <charset val="128"/>
    </font>
    <font>
      <u/>
      <sz val="8"/>
      <name val="ＭＳ ゴシック"/>
      <family val="3"/>
      <charset val="128"/>
    </font>
    <font>
      <b/>
      <u/>
      <sz val="8"/>
      <name val="ＭＳ ゴシック"/>
      <family val="3"/>
      <charset val="128"/>
    </font>
    <font>
      <sz val="14"/>
      <name val="ＭＳ ゴシック"/>
      <family val="3"/>
      <charset val="128"/>
    </font>
    <font>
      <sz val="12"/>
      <color rgb="FFFF0000"/>
      <name val="ＭＳ 明朝"/>
      <family val="2"/>
      <charset val="128"/>
    </font>
    <font>
      <sz val="8"/>
      <color rgb="FFFF0000"/>
      <name val="ＭＳ ゴシック"/>
      <family val="3"/>
      <charset val="128"/>
    </font>
    <font>
      <u/>
      <sz val="8"/>
      <color rgb="FFFF0000"/>
      <name val="ＭＳ ゴシック"/>
      <family val="3"/>
      <charset val="128"/>
    </font>
    <font>
      <b/>
      <sz val="8"/>
      <color rgb="FFFF0000"/>
      <name val="ＭＳ ゴシック"/>
      <family val="3"/>
      <charset val="128"/>
    </font>
    <font>
      <b/>
      <sz val="11"/>
      <color rgb="FFFF0000"/>
      <name val="ＭＳ ゴシック"/>
      <family val="3"/>
      <charset val="128"/>
    </font>
  </fonts>
  <fills count="9">
    <fill>
      <patternFill patternType="none"/>
    </fill>
    <fill>
      <patternFill patternType="gray125"/>
    </fill>
    <fill>
      <patternFill patternType="solid">
        <fgColor theme="8" tint="0.59999389629810485"/>
        <bgColor indexed="64"/>
      </patternFill>
    </fill>
    <fill>
      <patternFill patternType="solid">
        <fgColor theme="9" tint="0.79998168889431442"/>
        <bgColor indexed="64"/>
      </patternFill>
    </fill>
    <fill>
      <patternFill patternType="solid">
        <fgColor theme="7" tint="0.79998168889431442"/>
        <bgColor indexed="64"/>
      </patternFill>
    </fill>
    <fill>
      <patternFill patternType="solid">
        <fgColor rgb="FFFFFF00"/>
        <bgColor indexed="64"/>
      </patternFill>
    </fill>
    <fill>
      <patternFill patternType="solid">
        <fgColor rgb="FFFF0000"/>
        <bgColor indexed="64"/>
      </patternFill>
    </fill>
    <fill>
      <patternFill patternType="solid">
        <fgColor theme="5" tint="0.79998168889431442"/>
        <bgColor indexed="64"/>
      </patternFill>
    </fill>
    <fill>
      <patternFill patternType="solid">
        <fgColor theme="8" tint="0.79998168889431442"/>
        <bgColor indexed="64"/>
      </patternFill>
    </fill>
  </fills>
  <borders count="147">
    <border>
      <left/>
      <right/>
      <top/>
      <bottom/>
      <diagonal/>
    </border>
    <border>
      <left style="medium">
        <color indexed="64"/>
      </left>
      <right style="medium">
        <color indexed="64"/>
      </right>
      <top/>
      <bottom/>
      <diagonal/>
    </border>
    <border>
      <left style="medium">
        <color indexed="64"/>
      </left>
      <right style="medium">
        <color indexed="64"/>
      </right>
      <top style="medium">
        <color indexed="64"/>
      </top>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thin">
        <color indexed="64"/>
      </top>
      <bottom/>
      <diagonal/>
    </border>
    <border>
      <left style="medium">
        <color indexed="64"/>
      </left>
      <right style="medium">
        <color indexed="64"/>
      </right>
      <top/>
      <bottom style="thin">
        <color indexed="64"/>
      </bottom>
      <diagonal/>
    </border>
    <border>
      <left/>
      <right/>
      <top/>
      <bottom style="thin">
        <color indexed="64"/>
      </bottom>
      <diagonal/>
    </border>
    <border>
      <left style="thin">
        <color indexed="64"/>
      </left>
      <right/>
      <top/>
      <bottom/>
      <diagonal/>
    </border>
    <border>
      <left style="thin">
        <color indexed="64"/>
      </left>
      <right/>
      <top/>
      <bottom style="thin">
        <color indexed="64"/>
      </bottom>
      <diagonal/>
    </border>
    <border>
      <left style="thin">
        <color indexed="64"/>
      </left>
      <right/>
      <top style="thin">
        <color indexed="64"/>
      </top>
      <bottom/>
      <diagonal/>
    </border>
    <border>
      <left/>
      <right style="thick">
        <color indexed="64"/>
      </right>
      <top style="thick">
        <color indexed="64"/>
      </top>
      <bottom/>
      <diagonal/>
    </border>
    <border>
      <left style="thick">
        <color indexed="64"/>
      </left>
      <right style="thin">
        <color indexed="64"/>
      </right>
      <top/>
      <bottom/>
      <diagonal/>
    </border>
    <border>
      <left/>
      <right style="thick">
        <color indexed="64"/>
      </right>
      <top/>
      <bottom/>
      <diagonal/>
    </border>
    <border>
      <left style="thick">
        <color indexed="64"/>
      </left>
      <right style="thin">
        <color indexed="64"/>
      </right>
      <top/>
      <bottom style="thick">
        <color indexed="64"/>
      </bottom>
      <diagonal/>
    </border>
    <border>
      <left/>
      <right style="thick">
        <color indexed="64"/>
      </right>
      <top/>
      <bottom style="thick">
        <color indexed="64"/>
      </bottom>
      <diagonal/>
    </border>
    <border>
      <left style="thick">
        <color indexed="64"/>
      </left>
      <right/>
      <top/>
      <bottom/>
      <diagonal/>
    </border>
    <border>
      <left style="thick">
        <color indexed="64"/>
      </left>
      <right/>
      <top/>
      <bottom style="thick">
        <color indexed="64"/>
      </bottom>
      <diagonal/>
    </border>
    <border>
      <left/>
      <right/>
      <top/>
      <bottom style="thick">
        <color indexed="64"/>
      </bottom>
      <diagonal/>
    </border>
    <border>
      <left style="thick">
        <color indexed="64"/>
      </left>
      <right/>
      <top style="thick">
        <color indexed="64"/>
      </top>
      <bottom style="medium">
        <color indexed="64"/>
      </bottom>
      <diagonal/>
    </border>
    <border>
      <left/>
      <right/>
      <top style="thick">
        <color indexed="64"/>
      </top>
      <bottom style="medium">
        <color indexed="64"/>
      </bottom>
      <diagonal/>
    </border>
    <border>
      <left/>
      <right style="thick">
        <color indexed="64"/>
      </right>
      <top style="thick">
        <color indexed="64"/>
      </top>
      <bottom style="medium">
        <color indexed="64"/>
      </bottom>
      <diagonal/>
    </border>
    <border>
      <left style="medium">
        <color indexed="64"/>
      </left>
      <right style="medium">
        <color indexed="64"/>
      </right>
      <top style="thick">
        <color indexed="64"/>
      </top>
      <bottom style="medium">
        <color indexed="64"/>
      </bottom>
      <diagonal/>
    </border>
    <border>
      <left style="medium">
        <color indexed="64"/>
      </left>
      <right style="medium">
        <color indexed="64"/>
      </right>
      <top/>
      <bottom style="thick">
        <color indexed="64"/>
      </bottom>
      <diagonal/>
    </border>
    <border>
      <left/>
      <right/>
      <top style="thin">
        <color indexed="64"/>
      </top>
      <bottom/>
      <diagonal/>
    </border>
    <border>
      <left style="thin">
        <color indexed="64"/>
      </left>
      <right/>
      <top style="thin">
        <color indexed="64"/>
      </top>
      <bottom style="thin">
        <color indexed="64"/>
      </bottom>
      <diagonal/>
    </border>
    <border>
      <left/>
      <right style="medium">
        <color indexed="64"/>
      </right>
      <top/>
      <bottom style="thin">
        <color indexed="64"/>
      </bottom>
      <diagonal/>
    </border>
    <border>
      <left/>
      <right style="medium">
        <color indexed="64"/>
      </right>
      <top style="medium">
        <color indexed="64"/>
      </top>
      <bottom/>
      <diagonal/>
    </border>
    <border>
      <left/>
      <right style="medium">
        <color indexed="64"/>
      </right>
      <top/>
      <bottom/>
      <diagonal/>
    </border>
    <border>
      <left/>
      <right style="medium">
        <color indexed="64"/>
      </right>
      <top style="thin">
        <color indexed="64"/>
      </top>
      <bottom/>
      <diagonal/>
    </border>
    <border>
      <left/>
      <right style="medium">
        <color indexed="64"/>
      </right>
      <top style="thin">
        <color indexed="64"/>
      </top>
      <bottom style="thin">
        <color indexed="64"/>
      </bottom>
      <diagonal/>
    </border>
    <border>
      <left style="medium">
        <color indexed="64"/>
      </left>
      <right style="medium">
        <color indexed="64"/>
      </right>
      <top style="dashed">
        <color indexed="64"/>
      </top>
      <bottom/>
      <diagonal/>
    </border>
    <border>
      <left style="medium">
        <color indexed="64"/>
      </left>
      <right style="medium">
        <color indexed="64"/>
      </right>
      <top style="dashed">
        <color indexed="64"/>
      </top>
      <bottom style="dashed">
        <color indexed="64"/>
      </bottom>
      <diagonal/>
    </border>
    <border>
      <left style="thin">
        <color indexed="64"/>
      </left>
      <right/>
      <top style="dashed">
        <color indexed="64"/>
      </top>
      <bottom/>
      <diagonal/>
    </border>
    <border>
      <left style="thin">
        <color indexed="64"/>
      </left>
      <right/>
      <top style="dashed">
        <color indexed="64"/>
      </top>
      <bottom style="dashed">
        <color indexed="64"/>
      </bottom>
      <diagonal/>
    </border>
    <border>
      <left style="thin">
        <color indexed="64"/>
      </left>
      <right/>
      <top style="dashed">
        <color indexed="64"/>
      </top>
      <bottom style="thin">
        <color indexed="64"/>
      </bottom>
      <diagonal/>
    </border>
    <border>
      <left/>
      <right/>
      <top style="thin">
        <color indexed="64"/>
      </top>
      <bottom style="thin">
        <color indexed="64"/>
      </bottom>
      <diagonal/>
    </border>
    <border>
      <left style="thin">
        <color indexed="64"/>
      </left>
      <right/>
      <top style="dotted">
        <color indexed="64"/>
      </top>
      <bottom/>
      <diagonal/>
    </border>
    <border>
      <left style="thin">
        <color indexed="64"/>
      </left>
      <right/>
      <top style="dotted">
        <color indexed="64"/>
      </top>
      <bottom style="dotted">
        <color indexed="64"/>
      </bottom>
      <diagonal/>
    </border>
    <border>
      <left style="thin">
        <color indexed="64"/>
      </left>
      <right/>
      <top style="dotted">
        <color indexed="64"/>
      </top>
      <bottom style="thin">
        <color indexed="64"/>
      </bottom>
      <diagonal/>
    </border>
    <border>
      <left style="medium">
        <color indexed="64"/>
      </left>
      <right style="medium">
        <color indexed="64"/>
      </right>
      <top style="dashed">
        <color indexed="64"/>
      </top>
      <bottom style="medium">
        <color indexed="64"/>
      </bottom>
      <diagonal/>
    </border>
    <border>
      <left style="medium">
        <color indexed="64"/>
      </left>
      <right style="medium">
        <color indexed="64"/>
      </right>
      <top style="dotted">
        <color indexed="64"/>
      </top>
      <bottom/>
      <diagonal/>
    </border>
    <border>
      <left style="medium">
        <color indexed="64"/>
      </left>
      <right style="medium">
        <color indexed="64"/>
      </right>
      <top style="dotted">
        <color indexed="64"/>
      </top>
      <bottom style="dotted">
        <color indexed="64"/>
      </bottom>
      <diagonal/>
    </border>
    <border>
      <left style="medium">
        <color indexed="64"/>
      </left>
      <right style="medium">
        <color indexed="64"/>
      </right>
      <top style="dotted">
        <color indexed="64"/>
      </top>
      <bottom style="thin">
        <color indexed="64"/>
      </bottom>
      <diagonal/>
    </border>
    <border>
      <left/>
      <right style="medium">
        <color indexed="64"/>
      </right>
      <top style="dashed">
        <color indexed="64"/>
      </top>
      <bottom/>
      <diagonal/>
    </border>
    <border>
      <left/>
      <right style="medium">
        <color indexed="64"/>
      </right>
      <top style="dashed">
        <color indexed="64"/>
      </top>
      <bottom style="dashed">
        <color indexed="64"/>
      </bottom>
      <diagonal/>
    </border>
    <border>
      <left/>
      <right style="medium">
        <color indexed="64"/>
      </right>
      <top style="dashed">
        <color indexed="64"/>
      </top>
      <bottom style="thin">
        <color indexed="64"/>
      </bottom>
      <diagonal/>
    </border>
    <border>
      <left/>
      <right style="medium">
        <color indexed="64"/>
      </right>
      <top style="dotted">
        <color indexed="64"/>
      </top>
      <bottom/>
      <diagonal/>
    </border>
    <border>
      <left/>
      <right style="medium">
        <color indexed="64"/>
      </right>
      <top style="dotted">
        <color indexed="64"/>
      </top>
      <bottom style="dotted">
        <color indexed="64"/>
      </bottom>
      <diagonal/>
    </border>
    <border>
      <left/>
      <right style="medium">
        <color indexed="64"/>
      </right>
      <top style="dotted">
        <color indexed="64"/>
      </top>
      <bottom style="thin">
        <color indexed="64"/>
      </bottom>
      <diagonal/>
    </border>
    <border>
      <left style="medium">
        <color indexed="64"/>
      </left>
      <right style="medium">
        <color indexed="64"/>
      </right>
      <top style="dashed">
        <color indexed="64"/>
      </top>
      <bottom style="thin">
        <color indexed="64"/>
      </bottom>
      <diagonal/>
    </border>
    <border>
      <left style="thick">
        <color indexed="64"/>
      </left>
      <right/>
      <top style="thin">
        <color indexed="64"/>
      </top>
      <bottom/>
      <diagonal/>
    </border>
    <border>
      <left/>
      <right style="thick">
        <color indexed="64"/>
      </right>
      <top style="thin">
        <color indexed="64"/>
      </top>
      <bottom/>
      <diagonal/>
    </border>
    <border>
      <left style="thick">
        <color indexed="64"/>
      </left>
      <right/>
      <top/>
      <bottom style="thin">
        <color indexed="64"/>
      </bottom>
      <diagonal/>
    </border>
    <border>
      <left/>
      <right style="thick">
        <color indexed="64"/>
      </right>
      <top/>
      <bottom style="thin">
        <color indexed="64"/>
      </bottom>
      <diagonal/>
    </border>
    <border>
      <left/>
      <right style="thick">
        <color indexed="64"/>
      </right>
      <top style="dashed">
        <color indexed="64"/>
      </top>
      <bottom/>
      <diagonal/>
    </border>
    <border>
      <left/>
      <right style="thick">
        <color indexed="64"/>
      </right>
      <top style="dashed">
        <color indexed="64"/>
      </top>
      <bottom style="dashed">
        <color indexed="64"/>
      </bottom>
      <diagonal/>
    </border>
    <border>
      <left/>
      <right style="thick">
        <color indexed="64"/>
      </right>
      <top style="dashed">
        <color indexed="64"/>
      </top>
      <bottom style="thin">
        <color indexed="64"/>
      </bottom>
      <diagonal/>
    </border>
    <border>
      <left style="thick">
        <color indexed="64"/>
      </left>
      <right/>
      <top style="thin">
        <color indexed="64"/>
      </top>
      <bottom style="thin">
        <color indexed="64"/>
      </bottom>
      <diagonal/>
    </border>
    <border>
      <left/>
      <right style="thick">
        <color indexed="64"/>
      </right>
      <top style="thin">
        <color indexed="64"/>
      </top>
      <bottom style="thin">
        <color indexed="64"/>
      </bottom>
      <diagonal/>
    </border>
    <border>
      <left/>
      <right style="thick">
        <color indexed="64"/>
      </right>
      <top style="dotted">
        <color indexed="64"/>
      </top>
      <bottom/>
      <diagonal/>
    </border>
    <border>
      <left/>
      <right style="thick">
        <color indexed="64"/>
      </right>
      <top style="dotted">
        <color indexed="64"/>
      </top>
      <bottom style="dotted">
        <color indexed="64"/>
      </bottom>
      <diagonal/>
    </border>
    <border>
      <left/>
      <right style="thick">
        <color indexed="64"/>
      </right>
      <top style="dotted">
        <color indexed="64"/>
      </top>
      <bottom style="thin">
        <color indexed="64"/>
      </bottom>
      <diagonal/>
    </border>
    <border>
      <left style="thick">
        <color indexed="64"/>
      </left>
      <right/>
      <top style="thin">
        <color indexed="64"/>
      </top>
      <bottom style="thick">
        <color indexed="64"/>
      </bottom>
      <diagonal/>
    </border>
    <border>
      <left/>
      <right/>
      <top style="thin">
        <color indexed="64"/>
      </top>
      <bottom style="thick">
        <color indexed="64"/>
      </bottom>
      <diagonal/>
    </border>
    <border>
      <left style="medium">
        <color indexed="64"/>
      </left>
      <right style="medium">
        <color indexed="64"/>
      </right>
      <top style="thin">
        <color indexed="64"/>
      </top>
      <bottom style="thick">
        <color indexed="64"/>
      </bottom>
      <diagonal/>
    </border>
    <border>
      <left/>
      <right style="thick">
        <color indexed="64"/>
      </right>
      <top style="thin">
        <color indexed="64"/>
      </top>
      <bottom style="thick">
        <color indexed="64"/>
      </bottom>
      <diagonal/>
    </border>
    <border>
      <left/>
      <right style="medium">
        <color indexed="64"/>
      </right>
      <top style="thick">
        <color indexed="64"/>
      </top>
      <bottom style="medium">
        <color indexed="64"/>
      </bottom>
      <diagonal/>
    </border>
    <border>
      <left style="thick">
        <color indexed="64"/>
      </left>
      <right/>
      <top style="dashed">
        <color indexed="64"/>
      </top>
      <bottom/>
      <diagonal/>
    </border>
    <border>
      <left style="thick">
        <color indexed="64"/>
      </left>
      <right/>
      <top style="dashed">
        <color indexed="64"/>
      </top>
      <bottom style="dashed">
        <color indexed="64"/>
      </bottom>
      <diagonal/>
    </border>
    <border>
      <left style="thick">
        <color indexed="64"/>
      </left>
      <right/>
      <top style="dashed">
        <color indexed="64"/>
      </top>
      <bottom style="thin">
        <color indexed="64"/>
      </bottom>
      <diagonal/>
    </border>
    <border>
      <left style="thick">
        <color indexed="64"/>
      </left>
      <right/>
      <top style="dotted">
        <color indexed="64"/>
      </top>
      <bottom/>
      <diagonal/>
    </border>
    <border>
      <left style="thick">
        <color indexed="64"/>
      </left>
      <right/>
      <top style="dotted">
        <color indexed="64"/>
      </top>
      <bottom style="dotted">
        <color indexed="64"/>
      </bottom>
      <diagonal/>
    </border>
    <border>
      <left style="thick">
        <color indexed="64"/>
      </left>
      <right/>
      <top style="dotted">
        <color indexed="64"/>
      </top>
      <bottom style="thin">
        <color indexed="64"/>
      </bottom>
      <diagonal/>
    </border>
    <border>
      <left/>
      <right style="medium">
        <color indexed="64"/>
      </right>
      <top style="thin">
        <color indexed="64"/>
      </top>
      <bottom style="thick">
        <color indexed="64"/>
      </bottom>
      <diagonal/>
    </border>
    <border>
      <left style="thick">
        <color indexed="64"/>
      </left>
      <right/>
      <top style="thick">
        <color indexed="64"/>
      </top>
      <bottom/>
      <diagonal/>
    </border>
    <border>
      <left style="medium">
        <color indexed="64"/>
      </left>
      <right style="medium">
        <color indexed="64"/>
      </right>
      <top style="thick">
        <color indexed="64"/>
      </top>
      <bottom/>
      <diagonal/>
    </border>
    <border>
      <left style="thin">
        <color indexed="64"/>
      </left>
      <right/>
      <top/>
      <bottom style="thick">
        <color indexed="64"/>
      </bottom>
      <diagonal/>
    </border>
    <border>
      <left/>
      <right style="medium">
        <color indexed="64"/>
      </right>
      <top style="thick">
        <color indexed="64"/>
      </top>
      <bottom/>
      <diagonal/>
    </border>
    <border>
      <left style="thick">
        <color indexed="64"/>
      </left>
      <right/>
      <top style="medium">
        <color indexed="64"/>
      </top>
      <bottom/>
      <diagonal/>
    </border>
    <border>
      <left/>
      <right style="thick">
        <color indexed="64"/>
      </right>
      <top style="medium">
        <color indexed="64"/>
      </top>
      <bottom/>
      <diagonal/>
    </border>
    <border>
      <left/>
      <right style="medium">
        <color indexed="64"/>
      </right>
      <top/>
      <bottom style="thick">
        <color indexed="64"/>
      </bottom>
      <diagonal/>
    </border>
    <border>
      <left style="thick">
        <color indexed="64"/>
      </left>
      <right style="thin">
        <color indexed="64"/>
      </right>
      <top style="thin">
        <color indexed="64"/>
      </top>
      <bottom/>
      <diagonal/>
    </border>
    <border>
      <left style="thick">
        <color indexed="64"/>
      </left>
      <right style="thin">
        <color indexed="64"/>
      </right>
      <top/>
      <bottom style="thin">
        <color indexed="64"/>
      </bottom>
      <diagonal/>
    </border>
    <border>
      <left style="thick">
        <color indexed="64"/>
      </left>
      <right style="thin">
        <color indexed="64"/>
      </right>
      <top style="thin">
        <color indexed="64"/>
      </top>
      <bottom style="thin">
        <color indexed="64"/>
      </bottom>
      <diagonal/>
    </border>
    <border>
      <left/>
      <right/>
      <top style="dotted">
        <color indexed="64"/>
      </top>
      <bottom/>
      <diagonal/>
    </border>
    <border>
      <left/>
      <right/>
      <top/>
      <bottom style="dotted">
        <color indexed="64"/>
      </bottom>
      <diagonal/>
    </border>
    <border>
      <left/>
      <right/>
      <top style="dotted">
        <color indexed="64"/>
      </top>
      <bottom style="dotted">
        <color indexed="64"/>
      </bottom>
      <diagonal/>
    </border>
    <border>
      <left style="medium">
        <color indexed="64"/>
      </left>
      <right style="medium">
        <color indexed="64"/>
      </right>
      <top/>
      <bottom style="dotted">
        <color indexed="64"/>
      </bottom>
      <diagonal/>
    </border>
    <border>
      <left/>
      <right style="medium">
        <color indexed="64"/>
      </right>
      <top/>
      <bottom style="dotted">
        <color indexed="64"/>
      </bottom>
      <diagonal/>
    </border>
    <border>
      <left style="thick">
        <color indexed="64"/>
      </left>
      <right style="thin">
        <color indexed="64"/>
      </right>
      <top style="dotted">
        <color indexed="64"/>
      </top>
      <bottom/>
      <diagonal/>
    </border>
    <border>
      <left style="thick">
        <color indexed="64"/>
      </left>
      <right style="thin">
        <color indexed="64"/>
      </right>
      <top/>
      <bottom style="dotted">
        <color indexed="64"/>
      </bottom>
      <diagonal/>
    </border>
    <border>
      <left/>
      <right style="thick">
        <color indexed="64"/>
      </right>
      <top/>
      <bottom style="dotted">
        <color indexed="64"/>
      </bottom>
      <diagonal/>
    </border>
    <border>
      <left style="thick">
        <color indexed="64"/>
      </left>
      <right style="thin">
        <color indexed="64"/>
      </right>
      <top style="dotted">
        <color indexed="64"/>
      </top>
      <bottom style="dotted">
        <color indexed="64"/>
      </bottom>
      <diagonal/>
    </border>
    <border>
      <left style="thick">
        <color indexed="64"/>
      </left>
      <right style="thin">
        <color indexed="64"/>
      </right>
      <top style="dotted">
        <color indexed="64"/>
      </top>
      <bottom style="thick">
        <color indexed="64"/>
      </bottom>
      <diagonal/>
    </border>
    <border>
      <left/>
      <right/>
      <top style="dotted">
        <color indexed="64"/>
      </top>
      <bottom style="thick">
        <color indexed="64"/>
      </bottom>
      <diagonal/>
    </border>
    <border>
      <left style="medium">
        <color indexed="64"/>
      </left>
      <right style="medium">
        <color indexed="64"/>
      </right>
      <top style="dotted">
        <color indexed="64"/>
      </top>
      <bottom style="thick">
        <color indexed="64"/>
      </bottom>
      <diagonal/>
    </border>
    <border>
      <left/>
      <right style="thick">
        <color indexed="64"/>
      </right>
      <top style="dotted">
        <color indexed="64"/>
      </top>
      <bottom style="thick">
        <color indexed="64"/>
      </bottom>
      <diagonal/>
    </border>
    <border>
      <left style="thick">
        <color indexed="64"/>
      </left>
      <right/>
      <top/>
      <bottom style="dotted">
        <color indexed="64"/>
      </bottom>
      <diagonal/>
    </border>
    <border>
      <left style="thick">
        <color indexed="64"/>
      </left>
      <right/>
      <top style="dotted">
        <color indexed="64"/>
      </top>
      <bottom style="thick">
        <color indexed="64"/>
      </bottom>
      <diagonal/>
    </border>
    <border>
      <left/>
      <right style="medium">
        <color indexed="64"/>
      </right>
      <top style="dotted">
        <color indexed="64"/>
      </top>
      <bottom style="thick">
        <color indexed="64"/>
      </bottom>
      <diagonal/>
    </border>
    <border>
      <left/>
      <right style="thick">
        <color indexed="64"/>
      </right>
      <top style="medium">
        <color indexed="64"/>
      </top>
      <bottom style="thin">
        <color indexed="64"/>
      </bottom>
      <diagonal/>
    </border>
    <border>
      <left/>
      <right style="double">
        <color indexed="64"/>
      </right>
      <top style="double">
        <color indexed="64"/>
      </top>
      <bottom/>
      <diagonal/>
    </border>
    <border>
      <left/>
      <right style="double">
        <color indexed="64"/>
      </right>
      <top/>
      <bottom/>
      <diagonal/>
    </border>
    <border>
      <left/>
      <right style="double">
        <color indexed="64"/>
      </right>
      <top/>
      <bottom style="double">
        <color indexed="64"/>
      </bottom>
      <diagonal/>
    </border>
    <border>
      <left style="medium">
        <color indexed="64"/>
      </left>
      <right style="medium">
        <color indexed="64"/>
      </right>
      <top/>
      <bottom style="dashed">
        <color indexed="64"/>
      </bottom>
      <diagonal/>
    </border>
    <border>
      <left style="medium">
        <color indexed="64"/>
      </left>
      <right/>
      <top/>
      <bottom/>
      <diagonal/>
    </border>
    <border>
      <left style="medium">
        <color indexed="64"/>
      </left>
      <right/>
      <top style="thin">
        <color indexed="64"/>
      </top>
      <bottom style="thin">
        <color indexed="64"/>
      </bottom>
      <diagonal/>
    </border>
    <border>
      <left style="medium">
        <color indexed="64"/>
      </left>
      <right/>
      <top style="dashed">
        <color indexed="64"/>
      </top>
      <bottom/>
      <diagonal/>
    </border>
    <border>
      <left style="medium">
        <color indexed="64"/>
      </left>
      <right/>
      <top/>
      <bottom style="dashed">
        <color indexed="64"/>
      </bottom>
      <diagonal/>
    </border>
    <border>
      <left style="medium">
        <color indexed="64"/>
      </left>
      <right/>
      <top style="dashed">
        <color indexed="64"/>
      </top>
      <bottom style="dashed">
        <color indexed="64"/>
      </bottom>
      <diagonal/>
    </border>
    <border>
      <left style="medium">
        <color indexed="64"/>
      </left>
      <right/>
      <top style="thin">
        <color indexed="64"/>
      </top>
      <bottom/>
      <diagonal/>
    </border>
    <border>
      <left style="medium">
        <color indexed="64"/>
      </left>
      <right/>
      <top/>
      <bottom style="thin">
        <color indexed="64"/>
      </bottom>
      <diagonal/>
    </border>
    <border>
      <left/>
      <right style="thick">
        <color indexed="64"/>
      </right>
      <top/>
      <bottom style="dashed">
        <color indexed="64"/>
      </bottom>
      <diagonal/>
    </border>
    <border>
      <left style="medium">
        <color indexed="64"/>
      </left>
      <right/>
      <top style="thick">
        <color indexed="64"/>
      </top>
      <bottom style="medium">
        <color indexed="64"/>
      </bottom>
      <diagonal/>
    </border>
    <border>
      <left style="thick">
        <color indexed="64"/>
      </left>
      <right/>
      <top/>
      <bottom style="dashed">
        <color indexed="64"/>
      </bottom>
      <diagonal/>
    </border>
    <border>
      <left style="medium">
        <color indexed="64"/>
      </left>
      <right/>
      <top/>
      <bottom style="thick">
        <color indexed="64"/>
      </bottom>
      <diagonal/>
    </border>
    <border>
      <left style="double">
        <color indexed="64"/>
      </left>
      <right style="medium">
        <color indexed="64"/>
      </right>
      <top style="double">
        <color indexed="64"/>
      </top>
      <bottom/>
      <diagonal/>
    </border>
    <border>
      <left style="double">
        <color indexed="64"/>
      </left>
      <right style="medium">
        <color indexed="64"/>
      </right>
      <top/>
      <bottom/>
      <diagonal/>
    </border>
    <border>
      <left style="double">
        <color indexed="64"/>
      </left>
      <right style="medium">
        <color indexed="64"/>
      </right>
      <top/>
      <bottom style="double">
        <color indexed="64"/>
      </bottom>
      <diagonal/>
    </border>
    <border>
      <left style="thin">
        <color indexed="64"/>
      </left>
      <right/>
      <top/>
      <bottom style="dotted">
        <color indexed="64"/>
      </bottom>
      <diagonal/>
    </border>
    <border>
      <left style="thin">
        <color indexed="64"/>
      </left>
      <right/>
      <top style="thin">
        <color indexed="64"/>
      </top>
      <bottom style="thick">
        <color indexed="64"/>
      </bottom>
      <diagonal/>
    </border>
    <border>
      <left style="medium">
        <color indexed="64"/>
      </left>
      <right/>
      <top style="medium">
        <color indexed="64"/>
      </top>
      <bottom style="thin">
        <color indexed="64"/>
      </bottom>
      <diagonal/>
    </border>
    <border>
      <left/>
      <right/>
      <top style="dashed">
        <color indexed="64"/>
      </top>
      <bottom/>
      <diagonal/>
    </border>
    <border>
      <left/>
      <right/>
      <top/>
      <bottom style="dashed">
        <color indexed="64"/>
      </bottom>
      <diagonal/>
    </border>
    <border>
      <left/>
      <right/>
      <top style="dashed">
        <color indexed="64"/>
      </top>
      <bottom style="dashed">
        <color indexed="64"/>
      </bottom>
      <diagonal/>
    </border>
    <border>
      <left/>
      <right style="medium">
        <color indexed="64"/>
      </right>
      <top/>
      <bottom style="dashed">
        <color indexed="64"/>
      </bottom>
      <diagonal/>
    </border>
    <border>
      <left style="thin">
        <color indexed="64"/>
      </left>
      <right/>
      <top style="thin">
        <color indexed="64"/>
      </top>
      <bottom style="dashed">
        <color indexed="64"/>
      </bottom>
      <diagonal/>
    </border>
    <border>
      <left style="thin">
        <color indexed="64"/>
      </left>
      <right/>
      <top style="thin">
        <color indexed="64"/>
      </top>
      <bottom style="dotted">
        <color indexed="64"/>
      </bottom>
      <diagonal/>
    </border>
    <border>
      <left style="medium">
        <color indexed="64"/>
      </left>
      <right style="medium">
        <color indexed="64"/>
      </right>
      <top style="thin">
        <color indexed="64"/>
      </top>
      <bottom style="dashed">
        <color indexed="64"/>
      </bottom>
      <diagonal/>
    </border>
    <border>
      <left style="medium">
        <color indexed="64"/>
      </left>
      <right style="medium">
        <color indexed="64"/>
      </right>
      <top style="thin">
        <color indexed="64"/>
      </top>
      <bottom style="dotted">
        <color indexed="64"/>
      </bottom>
      <diagonal/>
    </border>
    <border>
      <left style="thick">
        <color indexed="64"/>
      </left>
      <right/>
      <top style="thin">
        <color indexed="64"/>
      </top>
      <bottom style="dashed">
        <color indexed="64"/>
      </bottom>
      <diagonal/>
    </border>
    <border>
      <left/>
      <right style="thick">
        <color indexed="64"/>
      </right>
      <top style="thin">
        <color indexed="64"/>
      </top>
      <bottom style="dashed">
        <color indexed="64"/>
      </bottom>
      <diagonal/>
    </border>
    <border>
      <left style="thick">
        <color indexed="64"/>
      </left>
      <right/>
      <top style="thin">
        <color indexed="64"/>
      </top>
      <bottom style="dotted">
        <color indexed="64"/>
      </bottom>
      <diagonal/>
    </border>
    <border>
      <left/>
      <right style="thick">
        <color indexed="64"/>
      </right>
      <top style="thin">
        <color indexed="64"/>
      </top>
      <bottom style="dotted">
        <color indexed="64"/>
      </bottom>
      <diagonal/>
    </border>
    <border>
      <left style="thick">
        <color indexed="64"/>
      </left>
      <right style="thin">
        <color indexed="64"/>
      </right>
      <top style="thin">
        <color indexed="64"/>
      </top>
      <bottom style="dashed">
        <color indexed="64"/>
      </bottom>
      <diagonal/>
    </border>
    <border>
      <left style="thick">
        <color indexed="64"/>
      </left>
      <right style="thin">
        <color indexed="64"/>
      </right>
      <top style="dashed">
        <color indexed="64"/>
      </top>
      <bottom/>
      <diagonal/>
    </border>
    <border>
      <left style="thick">
        <color indexed="64"/>
      </left>
      <right style="thin">
        <color indexed="64"/>
      </right>
      <top/>
      <bottom style="dashed">
        <color indexed="64"/>
      </bottom>
      <diagonal/>
    </border>
    <border>
      <left style="thick">
        <color indexed="64"/>
      </left>
      <right style="thin">
        <color indexed="64"/>
      </right>
      <top style="dashed">
        <color indexed="64"/>
      </top>
      <bottom style="dashed">
        <color indexed="64"/>
      </bottom>
      <diagonal/>
    </border>
    <border>
      <left style="thick">
        <color indexed="64"/>
      </left>
      <right style="thin">
        <color indexed="64"/>
      </right>
      <top style="dashed">
        <color indexed="64"/>
      </top>
      <bottom style="thick">
        <color indexed="64"/>
      </bottom>
      <diagonal/>
    </border>
    <border>
      <left/>
      <right/>
      <top style="dashed">
        <color indexed="64"/>
      </top>
      <bottom style="thick">
        <color indexed="64"/>
      </bottom>
      <diagonal/>
    </border>
    <border>
      <left style="medium">
        <color indexed="64"/>
      </left>
      <right style="medium">
        <color indexed="64"/>
      </right>
      <top style="dashed">
        <color indexed="64"/>
      </top>
      <bottom style="thick">
        <color indexed="64"/>
      </bottom>
      <diagonal/>
    </border>
    <border>
      <left/>
      <right style="thick">
        <color indexed="64"/>
      </right>
      <top style="dashed">
        <color indexed="64"/>
      </top>
      <bottom style="thick">
        <color indexed="64"/>
      </bottom>
      <diagonal/>
    </border>
    <border>
      <left style="thick">
        <color indexed="64"/>
      </left>
      <right/>
      <top style="dashed">
        <color indexed="64"/>
      </top>
      <bottom style="thick">
        <color indexed="64"/>
      </bottom>
      <diagonal/>
    </border>
    <border>
      <left style="thick">
        <color indexed="64"/>
      </left>
      <right style="thin">
        <color indexed="64"/>
      </right>
      <top style="thin">
        <color indexed="64"/>
      </top>
      <bottom style="thick">
        <color indexed="64"/>
      </bottom>
      <diagonal/>
    </border>
    <border>
      <left style="thick">
        <color indexed="64"/>
      </left>
      <right style="thin">
        <color indexed="64"/>
      </right>
      <top style="thin">
        <color indexed="64"/>
      </top>
      <bottom style="dotted">
        <color indexed="64"/>
      </bottom>
      <diagonal/>
    </border>
    <border>
      <left/>
      <right/>
      <top style="thin">
        <color indexed="64"/>
      </top>
      <bottom style="dotted">
        <color indexed="64"/>
      </bottom>
      <diagonal/>
    </border>
    <border>
      <left style="thin">
        <color indexed="64"/>
      </left>
      <right style="thin">
        <color indexed="64"/>
      </right>
      <top style="thin">
        <color indexed="64"/>
      </top>
      <bottom style="thin">
        <color indexed="64"/>
      </bottom>
      <diagonal/>
    </border>
  </borders>
  <cellStyleXfs count="1">
    <xf numFmtId="0" fontId="0" fillId="0" borderId="0">
      <alignment vertical="center"/>
    </xf>
  </cellStyleXfs>
  <cellXfs count="560">
    <xf numFmtId="0" fontId="0" fillId="0" borderId="0" xfId="0">
      <alignment vertical="center"/>
    </xf>
    <xf numFmtId="0" fontId="5" fillId="0" borderId="3" xfId="0" applyFont="1" applyBorder="1" applyAlignment="1">
      <alignment horizontal="justify" vertical="top" wrapText="1"/>
    </xf>
    <xf numFmtId="0" fontId="5" fillId="0" borderId="4" xfId="0" applyFont="1" applyBorder="1" applyAlignment="1">
      <alignment horizontal="justify" vertical="top" wrapText="1"/>
    </xf>
    <xf numFmtId="0" fontId="5" fillId="0" borderId="4" xfId="0" applyFont="1" applyBorder="1" applyAlignment="1">
      <alignment vertical="top" wrapText="1"/>
    </xf>
    <xf numFmtId="0" fontId="5" fillId="0" borderId="5" xfId="0" applyFont="1" applyBorder="1" applyAlignment="1">
      <alignment vertical="top" wrapText="1"/>
    </xf>
    <xf numFmtId="0" fontId="2" fillId="0" borderId="0" xfId="0" applyFont="1" applyBorder="1">
      <alignment vertical="center"/>
    </xf>
    <xf numFmtId="0" fontId="5" fillId="0" borderId="12" xfId="0" applyFont="1" applyBorder="1" applyAlignment="1">
      <alignment horizontal="justify" vertical="top" wrapText="1"/>
    </xf>
    <xf numFmtId="0" fontId="5" fillId="0" borderId="14" xfId="0" applyFont="1" applyBorder="1" applyAlignment="1">
      <alignment horizontal="justify" vertical="top" wrapText="1"/>
    </xf>
    <xf numFmtId="0" fontId="6" fillId="0" borderId="0" xfId="0" applyFont="1" applyBorder="1" applyAlignment="1">
      <alignment vertical="top" wrapText="1"/>
    </xf>
    <xf numFmtId="0" fontId="5" fillId="0" borderId="2" xfId="0" applyFont="1" applyBorder="1" applyAlignment="1">
      <alignment horizontal="justify" vertical="top" wrapText="1"/>
    </xf>
    <xf numFmtId="0" fontId="5" fillId="0" borderId="1" xfId="0" applyFont="1" applyBorder="1" applyAlignment="1">
      <alignment vertical="top" wrapText="1"/>
    </xf>
    <xf numFmtId="0" fontId="5" fillId="0" borderId="1" xfId="0" applyFont="1" applyBorder="1" applyAlignment="1">
      <alignment horizontal="justify" vertical="top" wrapText="1"/>
    </xf>
    <xf numFmtId="0" fontId="5" fillId="0" borderId="5" xfId="0" applyFont="1" applyBorder="1" applyAlignment="1">
      <alignment horizontal="justify" vertical="top" wrapText="1"/>
    </xf>
    <xf numFmtId="0" fontId="5" fillId="0" borderId="12" xfId="0" applyFont="1" applyBorder="1" applyAlignment="1">
      <alignment horizontal="left" vertical="top" wrapText="1"/>
    </xf>
    <xf numFmtId="0" fontId="5" fillId="0" borderId="16" xfId="0" applyFont="1" applyBorder="1" applyAlignment="1">
      <alignment horizontal="justify" vertical="top" wrapText="1"/>
    </xf>
    <xf numFmtId="0" fontId="5" fillId="0" borderId="22" xfId="0" applyFont="1" applyBorder="1" applyAlignment="1">
      <alignment horizontal="justify" vertical="top" wrapText="1"/>
    </xf>
    <xf numFmtId="0" fontId="5" fillId="0" borderId="9" xfId="0" applyFont="1" applyBorder="1" applyAlignment="1">
      <alignment horizontal="justify" vertical="top" wrapText="1"/>
    </xf>
    <xf numFmtId="0" fontId="5" fillId="0" borderId="7" xfId="0" applyFont="1" applyBorder="1" applyAlignment="1">
      <alignment horizontal="justify" vertical="top" wrapText="1"/>
    </xf>
    <xf numFmtId="0" fontId="5" fillId="0" borderId="8" xfId="0" applyFont="1" applyBorder="1" applyAlignment="1">
      <alignment horizontal="justify" vertical="top" wrapText="1"/>
    </xf>
    <xf numFmtId="0" fontId="5" fillId="0" borderId="24" xfId="0" applyFont="1" applyBorder="1" applyAlignment="1">
      <alignment horizontal="justify" vertical="top" wrapText="1"/>
    </xf>
    <xf numFmtId="0" fontId="5" fillId="0" borderId="25" xfId="0" applyFont="1" applyBorder="1" applyAlignment="1">
      <alignment horizontal="justify" vertical="top" wrapText="1"/>
    </xf>
    <xf numFmtId="0" fontId="5" fillId="0" borderId="26" xfId="0" applyFont="1" applyBorder="1" applyAlignment="1">
      <alignment horizontal="justify" vertical="top" wrapText="1"/>
    </xf>
    <xf numFmtId="0" fontId="5" fillId="0" borderId="27" xfId="0" applyFont="1" applyBorder="1" applyAlignment="1">
      <alignment horizontal="justify" vertical="top" wrapText="1"/>
    </xf>
    <xf numFmtId="0" fontId="5" fillId="0" borderId="27" xfId="0" applyFont="1" applyBorder="1" applyAlignment="1">
      <alignment vertical="top" wrapText="1"/>
    </xf>
    <xf numFmtId="0" fontId="5" fillId="0" borderId="28" xfId="0" applyFont="1" applyBorder="1" applyAlignment="1">
      <alignment vertical="top" wrapText="1"/>
    </xf>
    <xf numFmtId="0" fontId="5" fillId="0" borderId="30" xfId="0" applyFont="1" applyBorder="1" applyAlignment="1">
      <alignment horizontal="justify" vertical="top" wrapText="1"/>
    </xf>
    <xf numFmtId="0" fontId="5" fillId="0" borderId="31" xfId="0" applyFont="1" applyBorder="1" applyAlignment="1">
      <alignment horizontal="justify" vertical="top" wrapText="1"/>
    </xf>
    <xf numFmtId="0" fontId="10" fillId="0" borderId="0" xfId="0" applyFont="1" applyBorder="1" applyAlignment="1">
      <alignment horizontal="left" vertical="top"/>
    </xf>
    <xf numFmtId="0" fontId="2" fillId="0" borderId="0" xfId="0" applyFont="1" applyBorder="1" applyAlignment="1">
      <alignment vertical="top"/>
    </xf>
    <xf numFmtId="0" fontId="5" fillId="0" borderId="0" xfId="0" applyFont="1" applyBorder="1" applyAlignment="1">
      <alignment vertical="top"/>
    </xf>
    <xf numFmtId="0" fontId="3" fillId="0" borderId="0" xfId="0" applyFont="1" applyBorder="1" applyAlignment="1">
      <alignment horizontal="left" vertical="top"/>
    </xf>
    <xf numFmtId="0" fontId="3" fillId="0" borderId="0" xfId="0" applyFont="1" applyFill="1" applyBorder="1" applyAlignment="1">
      <alignment vertical="top" wrapText="1"/>
    </xf>
    <xf numFmtId="0" fontId="2" fillId="0" borderId="0" xfId="0" applyFont="1" applyFill="1" applyBorder="1">
      <alignment vertical="center"/>
    </xf>
    <xf numFmtId="0" fontId="8" fillId="0" borderId="0" xfId="0" applyFont="1" applyBorder="1" applyAlignment="1">
      <alignment horizontal="justify" vertical="top"/>
    </xf>
    <xf numFmtId="0" fontId="5" fillId="0" borderId="0" xfId="0" applyFont="1" applyBorder="1" applyAlignment="1">
      <alignment horizontal="justify" vertical="top"/>
    </xf>
    <xf numFmtId="0" fontId="5" fillId="0" borderId="33" xfId="0" applyFont="1" applyBorder="1" applyAlignment="1">
      <alignment horizontal="justify" vertical="top" wrapText="1"/>
    </xf>
    <xf numFmtId="0" fontId="5" fillId="0" borderId="36" xfId="0" applyFont="1" applyBorder="1" applyAlignment="1">
      <alignment horizontal="justify" vertical="top" wrapText="1"/>
    </xf>
    <xf numFmtId="0" fontId="5" fillId="0" borderId="37" xfId="0" applyFont="1" applyBorder="1" applyAlignment="1">
      <alignment horizontal="justify" vertical="top" wrapText="1"/>
    </xf>
    <xf numFmtId="0" fontId="5" fillId="0" borderId="39" xfId="0" applyFont="1" applyBorder="1" applyAlignment="1">
      <alignment horizontal="justify" vertical="top" wrapText="1"/>
    </xf>
    <xf numFmtId="0" fontId="5" fillId="0" borderId="40" xfId="0" applyFont="1" applyBorder="1" applyAlignment="1">
      <alignment horizontal="justify" vertical="top" wrapText="1"/>
    </xf>
    <xf numFmtId="0" fontId="5" fillId="0" borderId="41" xfId="0" applyFont="1" applyBorder="1" applyAlignment="1">
      <alignment horizontal="justify" vertical="top" wrapText="1"/>
    </xf>
    <xf numFmtId="0" fontId="5" fillId="0" borderId="40" xfId="0" applyFont="1" applyBorder="1" applyAlignment="1">
      <alignment vertical="top" wrapText="1"/>
    </xf>
    <xf numFmtId="0" fontId="5" fillId="0" borderId="42" xfId="0" applyFont="1" applyBorder="1" applyAlignment="1">
      <alignment vertical="top" wrapText="1"/>
    </xf>
    <xf numFmtId="0" fontId="5" fillId="0" borderId="28" xfId="0" applyFont="1" applyBorder="1" applyAlignment="1">
      <alignment horizontal="justify" vertical="top" wrapText="1"/>
    </xf>
    <xf numFmtId="0" fontId="5" fillId="0" borderId="43" xfId="0" applyFont="1" applyBorder="1" applyAlignment="1">
      <alignment horizontal="justify" vertical="top" wrapText="1"/>
    </xf>
    <xf numFmtId="0" fontId="5" fillId="0" borderId="44" xfId="0" applyFont="1" applyBorder="1" applyAlignment="1">
      <alignment horizontal="justify" vertical="top" wrapText="1"/>
    </xf>
    <xf numFmtId="0" fontId="5" fillId="0" borderId="45" xfId="0" applyFont="1" applyBorder="1" applyAlignment="1">
      <alignment horizontal="justify" vertical="top" wrapText="1"/>
    </xf>
    <xf numFmtId="0" fontId="5" fillId="0" borderId="29" xfId="0" applyFont="1" applyBorder="1" applyAlignment="1">
      <alignment horizontal="justify" vertical="top" wrapText="1"/>
    </xf>
    <xf numFmtId="0" fontId="5" fillId="0" borderId="46" xfId="0" applyFont="1" applyBorder="1" applyAlignment="1">
      <alignment horizontal="justify" vertical="top" wrapText="1"/>
    </xf>
    <xf numFmtId="0" fontId="5" fillId="0" borderId="47" xfId="0" applyFont="1" applyBorder="1" applyAlignment="1">
      <alignment horizontal="justify" vertical="top" wrapText="1"/>
    </xf>
    <xf numFmtId="0" fontId="5" fillId="0" borderId="48" xfId="0" applyFont="1" applyBorder="1" applyAlignment="1">
      <alignment vertical="top" wrapText="1"/>
    </xf>
    <xf numFmtId="0" fontId="5" fillId="0" borderId="49" xfId="0" applyFont="1" applyBorder="1" applyAlignment="1">
      <alignment horizontal="justify" vertical="top" wrapText="1"/>
    </xf>
    <xf numFmtId="0" fontId="5" fillId="0" borderId="51" xfId="0" applyFont="1" applyBorder="1" applyAlignment="1">
      <alignment horizontal="justify" vertical="top" wrapText="1"/>
    </xf>
    <xf numFmtId="0" fontId="5" fillId="0" borderId="53" xfId="0" applyFont="1" applyBorder="1" applyAlignment="1">
      <alignment horizontal="justify" vertical="top" wrapText="1"/>
    </xf>
    <xf numFmtId="0" fontId="5" fillId="0" borderId="50" xfId="0" applyFont="1" applyBorder="1" applyAlignment="1">
      <alignment vertical="top" wrapText="1"/>
    </xf>
    <xf numFmtId="0" fontId="5" fillId="0" borderId="51" xfId="0" applyFont="1" applyBorder="1" applyAlignment="1">
      <alignment vertical="top" wrapText="1"/>
    </xf>
    <xf numFmtId="0" fontId="5" fillId="0" borderId="54" xfId="0" applyFont="1" applyBorder="1" applyAlignment="1">
      <alignment vertical="top" wrapText="1"/>
    </xf>
    <xf numFmtId="0" fontId="5" fillId="0" borderId="55" xfId="0" applyFont="1" applyBorder="1" applyAlignment="1">
      <alignment vertical="top" wrapText="1"/>
    </xf>
    <xf numFmtId="0" fontId="5" fillId="0" borderId="53" xfId="0" applyFont="1" applyBorder="1" applyAlignment="1">
      <alignment vertical="top" wrapText="1"/>
    </xf>
    <xf numFmtId="0" fontId="5" fillId="0" borderId="56" xfId="0" applyFont="1" applyBorder="1" applyAlignment="1">
      <alignment vertical="top" wrapText="1"/>
    </xf>
    <xf numFmtId="0" fontId="5" fillId="0" borderId="58" xfId="0" applyFont="1" applyBorder="1" applyAlignment="1">
      <alignment horizontal="justify" vertical="top" wrapText="1"/>
    </xf>
    <xf numFmtId="0" fontId="5" fillId="0" borderId="59" xfId="0" applyFont="1" applyBorder="1" applyAlignment="1">
      <alignment horizontal="justify" vertical="top" wrapText="1"/>
    </xf>
    <xf numFmtId="0" fontId="5" fillId="0" borderId="60" xfId="0" applyFont="1" applyBorder="1" applyAlignment="1">
      <alignment horizontal="justify" vertical="top" wrapText="1"/>
    </xf>
    <xf numFmtId="0" fontId="5" fillId="0" borderId="59" xfId="0" applyFont="1" applyBorder="1" applyAlignment="1">
      <alignment vertical="top" wrapText="1"/>
    </xf>
    <xf numFmtId="0" fontId="5" fillId="0" borderId="61" xfId="0" applyFont="1" applyBorder="1" applyAlignment="1">
      <alignment vertical="top" wrapText="1"/>
    </xf>
    <xf numFmtId="0" fontId="5" fillId="0" borderId="64" xfId="0" applyFont="1" applyBorder="1" applyAlignment="1">
      <alignment horizontal="justify" vertical="top" wrapText="1"/>
    </xf>
    <xf numFmtId="0" fontId="5" fillId="0" borderId="65" xfId="0" applyFont="1" applyBorder="1" applyAlignment="1">
      <alignment horizontal="justify" vertical="top" wrapText="1"/>
    </xf>
    <xf numFmtId="0" fontId="5" fillId="0" borderId="67" xfId="0" applyFont="1" applyBorder="1" applyAlignment="1">
      <alignment horizontal="justify" vertical="top" wrapText="1"/>
    </xf>
    <xf numFmtId="0" fontId="5" fillId="0" borderId="54" xfId="0" applyFont="1" applyBorder="1" applyAlignment="1">
      <alignment horizontal="justify" vertical="top" wrapText="1"/>
    </xf>
    <xf numFmtId="0" fontId="5" fillId="0" borderId="68" xfId="0" applyFont="1" applyBorder="1" applyAlignment="1">
      <alignment horizontal="justify" vertical="top" wrapText="1"/>
    </xf>
    <xf numFmtId="0" fontId="5" fillId="0" borderId="55" xfId="0" applyFont="1" applyBorder="1" applyAlignment="1">
      <alignment horizontal="justify" vertical="top" wrapText="1"/>
    </xf>
    <xf numFmtId="0" fontId="5" fillId="0" borderId="69" xfId="0" applyFont="1" applyBorder="1" applyAlignment="1">
      <alignment horizontal="justify" vertical="top" wrapText="1"/>
    </xf>
    <xf numFmtId="0" fontId="5" fillId="0" borderId="56" xfId="0" applyFont="1" applyBorder="1" applyAlignment="1">
      <alignment horizontal="justify" vertical="top" wrapText="1"/>
    </xf>
    <xf numFmtId="0" fontId="5" fillId="0" borderId="70" xfId="0" applyFont="1" applyBorder="1" applyAlignment="1">
      <alignment horizontal="justify" vertical="top" wrapText="1"/>
    </xf>
    <xf numFmtId="0" fontId="5" fillId="0" borderId="71" xfId="0" applyFont="1" applyBorder="1" applyAlignment="1">
      <alignment horizontal="justify" vertical="top" wrapText="1"/>
    </xf>
    <xf numFmtId="0" fontId="5" fillId="0" borderId="73" xfId="0" applyFont="1" applyBorder="1" applyAlignment="1">
      <alignment horizontal="justify" vertical="top" wrapText="1"/>
    </xf>
    <xf numFmtId="0" fontId="6" fillId="0" borderId="4" xfId="0" applyFont="1" applyBorder="1" applyAlignment="1">
      <alignment horizontal="justify" vertical="top" wrapText="1"/>
    </xf>
    <xf numFmtId="0" fontId="5" fillId="0" borderId="16" xfId="0" applyFont="1" applyBorder="1" applyAlignment="1">
      <alignment vertical="top" wrapText="1"/>
    </xf>
    <xf numFmtId="0" fontId="5" fillId="0" borderId="76" xfId="0" applyFont="1" applyBorder="1" applyAlignment="1">
      <alignment horizontal="justify" vertical="top" wrapText="1"/>
    </xf>
    <xf numFmtId="0" fontId="5" fillId="0" borderId="78" xfId="0" applyFont="1" applyBorder="1" applyAlignment="1">
      <alignment horizontal="justify" vertical="top" wrapText="1"/>
    </xf>
    <xf numFmtId="0" fontId="5" fillId="0" borderId="79" xfId="0" applyFont="1" applyBorder="1" applyAlignment="1">
      <alignment horizontal="justify" vertical="top" wrapText="1"/>
    </xf>
    <xf numFmtId="0" fontId="5" fillId="0" borderId="80" xfId="0" applyFont="1" applyBorder="1" applyAlignment="1">
      <alignment horizontal="justify" vertical="top" wrapText="1"/>
    </xf>
    <xf numFmtId="0" fontId="4" fillId="2" borderId="75" xfId="0" applyFont="1" applyFill="1" applyBorder="1" applyAlignment="1">
      <alignment horizontal="center" vertical="top" wrapText="1"/>
    </xf>
    <xf numFmtId="0" fontId="4" fillId="2" borderId="77" xfId="0" applyFont="1" applyFill="1" applyBorder="1" applyAlignment="1">
      <alignment horizontal="center" vertical="top" wrapText="1"/>
    </xf>
    <xf numFmtId="0" fontId="4" fillId="2" borderId="10" xfId="0" applyFont="1" applyFill="1" applyBorder="1" applyAlignment="1">
      <alignment horizontal="center" vertical="top" wrapText="1"/>
    </xf>
    <xf numFmtId="0" fontId="4" fillId="2" borderId="21" xfId="0" applyFont="1" applyFill="1" applyBorder="1" applyAlignment="1">
      <alignment horizontal="center" vertical="top" wrapText="1"/>
    </xf>
    <xf numFmtId="0" fontId="4" fillId="2" borderId="20" xfId="0" applyFont="1" applyFill="1" applyBorder="1" applyAlignment="1">
      <alignment horizontal="center" vertical="top" wrapText="1"/>
    </xf>
    <xf numFmtId="0" fontId="4" fillId="2" borderId="66" xfId="0" applyFont="1" applyFill="1" applyBorder="1" applyAlignment="1">
      <alignment horizontal="center" vertical="top" wrapText="1"/>
    </xf>
    <xf numFmtId="0" fontId="7" fillId="0" borderId="4" xfId="0" applyFont="1" applyBorder="1" applyAlignment="1">
      <alignment horizontal="justify" vertical="top" wrapText="1"/>
    </xf>
    <xf numFmtId="0" fontId="7" fillId="0" borderId="1" xfId="0" applyFont="1" applyBorder="1" applyAlignment="1">
      <alignment horizontal="justify" vertical="top" wrapText="1"/>
    </xf>
    <xf numFmtId="0" fontId="5" fillId="0" borderId="83" xfId="0" applyFont="1" applyBorder="1" applyAlignment="1">
      <alignment horizontal="justify" vertical="top" wrapText="1"/>
    </xf>
    <xf numFmtId="0" fontId="7" fillId="0" borderId="58" xfId="0" applyFont="1" applyBorder="1" applyAlignment="1">
      <alignment horizontal="justify" vertical="top" wrapText="1"/>
    </xf>
    <xf numFmtId="0" fontId="5" fillId="0" borderId="8" xfId="0" applyFont="1" applyBorder="1" applyAlignment="1">
      <alignment vertical="top" wrapText="1"/>
    </xf>
    <xf numFmtId="0" fontId="5" fillId="0" borderId="9" xfId="0" applyFont="1" applyBorder="1" applyAlignment="1">
      <alignment vertical="top" wrapText="1"/>
    </xf>
    <xf numFmtId="0" fontId="5" fillId="0" borderId="29" xfId="0" applyFont="1" applyBorder="1" applyAlignment="1">
      <alignment vertical="top" wrapText="1"/>
    </xf>
    <xf numFmtId="0" fontId="5" fillId="0" borderId="3" xfId="0" applyFont="1" applyBorder="1" applyAlignment="1">
      <alignment vertical="top" wrapText="1"/>
    </xf>
    <xf numFmtId="0" fontId="5" fillId="0" borderId="58" xfId="0" applyFont="1" applyBorder="1" applyAlignment="1">
      <alignment vertical="top" wrapText="1"/>
    </xf>
    <xf numFmtId="0" fontId="5" fillId="0" borderId="64" xfId="0" applyFont="1" applyBorder="1" applyAlignment="1">
      <alignment vertical="top" wrapText="1"/>
    </xf>
    <xf numFmtId="0" fontId="5" fillId="0" borderId="22" xfId="0" applyFont="1" applyBorder="1" applyAlignment="1">
      <alignment vertical="top" wrapText="1"/>
    </xf>
    <xf numFmtId="0" fontId="5" fillId="0" borderId="14" xfId="0" applyFont="1" applyBorder="1" applyAlignment="1">
      <alignment vertical="top" wrapText="1"/>
    </xf>
    <xf numFmtId="0" fontId="5" fillId="0" borderId="25" xfId="0" applyFont="1" applyBorder="1" applyAlignment="1">
      <alignment vertical="top" wrapText="1"/>
    </xf>
    <xf numFmtId="0" fontId="5" fillId="0" borderId="76" xfId="0" applyFont="1" applyBorder="1" applyAlignment="1">
      <alignment vertical="top" wrapText="1"/>
    </xf>
    <xf numFmtId="0" fontId="5" fillId="0" borderId="80" xfId="0" applyFont="1" applyBorder="1" applyAlignment="1">
      <alignment vertical="top" wrapText="1"/>
    </xf>
    <xf numFmtId="0" fontId="5" fillId="0" borderId="84" xfId="0" applyFont="1" applyBorder="1" applyAlignment="1">
      <alignment horizontal="justify" vertical="top" wrapText="1"/>
    </xf>
    <xf numFmtId="0" fontId="5" fillId="0" borderId="85" xfId="0" applyFont="1" applyBorder="1" applyAlignment="1">
      <alignment horizontal="justify" vertical="top" wrapText="1"/>
    </xf>
    <xf numFmtId="0" fontId="5" fillId="0" borderId="86" xfId="0" applyFont="1" applyBorder="1" applyAlignment="1">
      <alignment horizontal="justify" vertical="top" wrapText="1"/>
    </xf>
    <xf numFmtId="0" fontId="3" fillId="0" borderId="23" xfId="0" applyFont="1" applyFill="1" applyBorder="1" applyAlignment="1">
      <alignment vertical="top" wrapText="1"/>
    </xf>
    <xf numFmtId="0" fontId="4" fillId="0" borderId="1" xfId="0" applyFont="1" applyFill="1" applyBorder="1" applyAlignment="1">
      <alignment horizontal="center" vertical="top" wrapText="1"/>
    </xf>
    <xf numFmtId="0" fontId="5" fillId="0" borderId="87" xfId="0" applyFont="1" applyBorder="1" applyAlignment="1">
      <alignment horizontal="justify" vertical="top" wrapText="1"/>
    </xf>
    <xf numFmtId="0" fontId="4" fillId="0" borderId="4" xfId="0" applyFont="1" applyFill="1" applyBorder="1" applyAlignment="1">
      <alignment horizontal="center" vertical="top" wrapText="1"/>
    </xf>
    <xf numFmtId="0" fontId="4" fillId="0" borderId="27" xfId="0" applyFont="1" applyFill="1" applyBorder="1" applyAlignment="1">
      <alignment horizontal="center" vertical="top" wrapText="1"/>
    </xf>
    <xf numFmtId="0" fontId="5" fillId="0" borderId="88" xfId="0" applyFont="1" applyBorder="1" applyAlignment="1">
      <alignment horizontal="justify" vertical="top" wrapText="1"/>
    </xf>
    <xf numFmtId="0" fontId="4" fillId="0" borderId="12" xfId="0" applyFont="1" applyFill="1" applyBorder="1" applyAlignment="1">
      <alignment horizontal="center" vertical="top" wrapText="1"/>
    </xf>
    <xf numFmtId="0" fontId="5" fillId="0" borderId="89" xfId="0" applyFont="1" applyBorder="1" applyAlignment="1">
      <alignment horizontal="justify" vertical="top" wrapText="1"/>
    </xf>
    <xf numFmtId="0" fontId="5" fillId="0" borderId="90" xfId="0" applyFont="1" applyBorder="1" applyAlignment="1">
      <alignment horizontal="justify" vertical="top" wrapText="1"/>
    </xf>
    <xf numFmtId="0" fontId="5" fillId="0" borderId="91" xfId="0" applyFont="1" applyBorder="1" applyAlignment="1">
      <alignment horizontal="justify" vertical="top" wrapText="1"/>
    </xf>
    <xf numFmtId="0" fontId="5" fillId="0" borderId="92" xfId="0" applyFont="1" applyBorder="1" applyAlignment="1">
      <alignment horizontal="justify" vertical="top" wrapText="1"/>
    </xf>
    <xf numFmtId="0" fontId="4" fillId="0" borderId="51" xfId="0" applyFont="1" applyFill="1" applyBorder="1" applyAlignment="1">
      <alignment horizontal="center" vertical="top" wrapText="1"/>
    </xf>
    <xf numFmtId="0" fontId="5" fillId="0" borderId="93" xfId="0" applyFont="1" applyBorder="1" applyAlignment="1">
      <alignment horizontal="justify" vertical="top" wrapText="1"/>
    </xf>
    <xf numFmtId="0" fontId="5" fillId="0" borderId="94" xfId="0" applyFont="1" applyBorder="1" applyAlignment="1">
      <alignment horizontal="justify" vertical="top" wrapText="1"/>
    </xf>
    <xf numFmtId="0" fontId="5" fillId="0" borderId="95" xfId="0" applyFont="1" applyBorder="1" applyAlignment="1">
      <alignment horizontal="justify" vertical="top" wrapText="1"/>
    </xf>
    <xf numFmtId="0" fontId="5" fillId="0" borderId="96" xfId="0" applyFont="1" applyBorder="1" applyAlignment="1">
      <alignment horizontal="justify" vertical="top" wrapText="1"/>
    </xf>
    <xf numFmtId="0" fontId="4" fillId="0" borderId="15" xfId="0" applyFont="1" applyFill="1" applyBorder="1" applyAlignment="1">
      <alignment horizontal="center" vertical="top" wrapText="1"/>
    </xf>
    <xf numFmtId="0" fontId="5" fillId="0" borderId="97" xfId="0" applyFont="1" applyBorder="1" applyAlignment="1">
      <alignment horizontal="justify" vertical="top" wrapText="1"/>
    </xf>
    <xf numFmtId="0" fontId="4" fillId="0" borderId="50" xfId="0" applyFont="1" applyFill="1" applyBorder="1" applyAlignment="1">
      <alignment horizontal="center" vertical="top" wrapText="1"/>
    </xf>
    <xf numFmtId="0" fontId="5" fillId="0" borderId="98" xfId="0" applyFont="1" applyBorder="1" applyAlignment="1">
      <alignment horizontal="justify" vertical="top" wrapText="1"/>
    </xf>
    <xf numFmtId="0" fontId="5" fillId="0" borderId="11" xfId="0" applyFont="1" applyFill="1" applyBorder="1" applyAlignment="1">
      <alignment vertical="top" wrapText="1"/>
    </xf>
    <xf numFmtId="0" fontId="5" fillId="0" borderId="81" xfId="0" applyFont="1" applyFill="1" applyBorder="1" applyAlignment="1">
      <alignment vertical="top" wrapText="1"/>
    </xf>
    <xf numFmtId="0" fontId="4" fillId="2" borderId="74" xfId="0" applyFont="1" applyFill="1" applyBorder="1" applyAlignment="1">
      <alignment horizontal="center" vertical="top" wrapText="1"/>
    </xf>
    <xf numFmtId="0" fontId="5" fillId="0" borderId="101" xfId="0" applyFont="1" applyBorder="1" applyAlignment="1">
      <alignment horizontal="justify" vertical="top" wrapText="1"/>
    </xf>
    <xf numFmtId="0" fontId="5" fillId="0" borderId="102" xfId="0" applyFont="1" applyBorder="1" applyAlignment="1">
      <alignment horizontal="justify" vertical="top" wrapText="1"/>
    </xf>
    <xf numFmtId="0" fontId="5" fillId="0" borderId="103" xfId="0" applyFont="1" applyBorder="1" applyAlignment="1">
      <alignment horizontal="justify" vertical="top" wrapText="1"/>
    </xf>
    <xf numFmtId="0" fontId="6" fillId="0" borderId="3" xfId="0" applyFont="1" applyBorder="1" applyAlignment="1">
      <alignment horizontal="justify" vertical="top" wrapText="1"/>
    </xf>
    <xf numFmtId="0" fontId="6" fillId="0" borderId="5" xfId="0" applyFont="1" applyBorder="1" applyAlignment="1">
      <alignment horizontal="justify" vertical="top" wrapText="1"/>
    </xf>
    <xf numFmtId="0" fontId="5" fillId="0" borderId="104" xfId="0" applyFont="1" applyBorder="1" applyAlignment="1">
      <alignment horizontal="justify" vertical="top" wrapText="1"/>
    </xf>
    <xf numFmtId="0" fontId="6" fillId="0" borderId="1" xfId="0" applyFont="1" applyBorder="1" applyAlignment="1">
      <alignment horizontal="justify" vertical="top" wrapText="1"/>
    </xf>
    <xf numFmtId="0" fontId="5" fillId="0" borderId="105" xfId="0" applyFont="1" applyBorder="1" applyAlignment="1">
      <alignment horizontal="justify" vertical="top" wrapText="1"/>
    </xf>
    <xf numFmtId="0" fontId="5" fillId="0" borderId="106" xfId="0" applyFont="1" applyBorder="1" applyAlignment="1">
      <alignment horizontal="justify" vertical="top" wrapText="1"/>
    </xf>
    <xf numFmtId="0" fontId="5" fillId="0" borderId="107" xfId="0" applyFont="1" applyBorder="1" applyAlignment="1">
      <alignment horizontal="justify" vertical="top" wrapText="1"/>
    </xf>
    <xf numFmtId="0" fontId="5" fillId="0" borderId="108" xfId="0" applyFont="1" applyBorder="1" applyAlignment="1">
      <alignment horizontal="justify" vertical="top" wrapText="1"/>
    </xf>
    <xf numFmtId="0" fontId="5" fillId="0" borderId="109" xfId="0" applyFont="1" applyBorder="1" applyAlignment="1">
      <alignment horizontal="justify" vertical="top" wrapText="1"/>
    </xf>
    <xf numFmtId="0" fontId="5" fillId="0" borderId="110" xfId="0" applyFont="1" applyBorder="1" applyAlignment="1">
      <alignment horizontal="justify" vertical="top" wrapText="1"/>
    </xf>
    <xf numFmtId="0" fontId="5" fillId="0" borderId="111" xfId="0" applyFont="1" applyBorder="1" applyAlignment="1">
      <alignment horizontal="justify" vertical="top" wrapText="1"/>
    </xf>
    <xf numFmtId="0" fontId="5" fillId="0" borderId="112" xfId="0" applyFont="1" applyBorder="1" applyAlignment="1">
      <alignment horizontal="justify" vertical="top" wrapText="1"/>
    </xf>
    <xf numFmtId="0" fontId="4" fillId="2" borderId="113" xfId="0" applyFont="1" applyFill="1" applyBorder="1" applyAlignment="1">
      <alignment horizontal="center" vertical="top" wrapText="1"/>
    </xf>
    <xf numFmtId="0" fontId="5" fillId="0" borderId="114" xfId="0" applyFont="1" applyBorder="1" applyAlignment="1">
      <alignment horizontal="justify" vertical="top" wrapText="1"/>
    </xf>
    <xf numFmtId="0" fontId="5" fillId="0" borderId="51" xfId="0" applyFont="1" applyFill="1" applyBorder="1" applyAlignment="1">
      <alignment horizontal="justify" vertical="top" wrapText="1"/>
    </xf>
    <xf numFmtId="0" fontId="5" fillId="0" borderId="12" xfId="0" applyFont="1" applyFill="1" applyBorder="1" applyAlignment="1">
      <alignment horizontal="justify" vertical="top" wrapText="1"/>
    </xf>
    <xf numFmtId="0" fontId="2" fillId="0" borderId="51" xfId="0" applyFont="1" applyBorder="1">
      <alignment vertical="center"/>
    </xf>
    <xf numFmtId="0" fontId="5" fillId="0" borderId="115" xfId="0" applyFont="1" applyBorder="1" applyAlignment="1">
      <alignment horizontal="justify" vertical="top" wrapText="1"/>
    </xf>
    <xf numFmtId="0" fontId="5" fillId="0" borderId="116" xfId="0" applyFont="1" applyBorder="1" applyAlignment="1">
      <alignment horizontal="justify" vertical="top" wrapText="1"/>
    </xf>
    <xf numFmtId="0" fontId="5" fillId="0" borderId="117" xfId="0" applyFont="1" applyBorder="1" applyAlignment="1">
      <alignment horizontal="justify" vertical="top" wrapText="1"/>
    </xf>
    <xf numFmtId="0" fontId="5" fillId="0" borderId="118" xfId="0" applyFont="1" applyBorder="1" applyAlignment="1">
      <alignment horizontal="justify" vertical="top" wrapText="1"/>
    </xf>
    <xf numFmtId="0" fontId="5" fillId="0" borderId="7" xfId="0" applyFont="1" applyBorder="1" applyAlignment="1">
      <alignment vertical="top" wrapText="1"/>
    </xf>
    <xf numFmtId="0" fontId="5" fillId="0" borderId="119" xfId="0" applyFont="1" applyBorder="1" applyAlignment="1">
      <alignment vertical="top" wrapText="1"/>
    </xf>
    <xf numFmtId="0" fontId="5" fillId="0" borderId="37" xfId="0" applyFont="1" applyBorder="1" applyAlignment="1">
      <alignment vertical="top" wrapText="1"/>
    </xf>
    <xf numFmtId="0" fontId="6" fillId="0" borderId="40" xfId="0" applyFont="1" applyBorder="1" applyAlignment="1">
      <alignment vertical="top" wrapText="1"/>
    </xf>
    <xf numFmtId="0" fontId="6" fillId="0" borderId="87" xfId="0" applyFont="1" applyBorder="1" applyAlignment="1">
      <alignment vertical="top" wrapText="1"/>
    </xf>
    <xf numFmtId="0" fontId="6" fillId="0" borderId="41" xfId="0" applyFont="1" applyBorder="1" applyAlignment="1">
      <alignment vertical="top" wrapText="1"/>
    </xf>
    <xf numFmtId="0" fontId="6" fillId="0" borderId="1" xfId="0" applyFont="1" applyBorder="1" applyAlignment="1">
      <alignment vertical="top" wrapText="1"/>
    </xf>
    <xf numFmtId="0" fontId="6" fillId="0" borderId="5" xfId="0" applyFont="1" applyBorder="1" applyAlignment="1">
      <alignment vertical="top" wrapText="1"/>
    </xf>
    <xf numFmtId="0" fontId="5" fillId="0" borderId="88" xfId="0" applyFont="1" applyBorder="1" applyAlignment="1">
      <alignment vertical="top" wrapText="1"/>
    </xf>
    <xf numFmtId="0" fontId="5" fillId="0" borderId="47" xfId="0" applyFont="1" applyBorder="1" applyAlignment="1">
      <alignment vertical="top" wrapText="1"/>
    </xf>
    <xf numFmtId="0" fontId="5" fillId="0" borderId="61" xfId="0" applyFont="1" applyBorder="1" applyAlignment="1">
      <alignment horizontal="justify" vertical="top" wrapText="1"/>
    </xf>
    <xf numFmtId="0" fontId="2" fillId="0" borderId="12" xfId="0" applyFont="1" applyBorder="1" applyAlignment="1">
      <alignment vertical="top" wrapText="1"/>
    </xf>
    <xf numFmtId="0" fontId="2" fillId="0" borderId="91" xfId="0" applyFont="1" applyBorder="1" applyAlignment="1">
      <alignment vertical="top" wrapText="1"/>
    </xf>
    <xf numFmtId="0" fontId="5" fillId="0" borderId="120" xfId="0" applyFont="1" applyBorder="1" applyAlignment="1">
      <alignment horizontal="justify" vertical="top" wrapText="1"/>
    </xf>
    <xf numFmtId="0" fontId="6" fillId="0" borderId="64" xfId="0" applyFont="1" applyBorder="1" applyAlignment="1">
      <alignment vertical="top" wrapText="1"/>
    </xf>
    <xf numFmtId="0" fontId="5" fillId="0" borderId="70" xfId="0" applyFont="1" applyBorder="1" applyAlignment="1">
      <alignment vertical="top" wrapText="1"/>
    </xf>
    <xf numFmtId="0" fontId="5" fillId="0" borderId="97" xfId="0" applyFont="1" applyBorder="1" applyAlignment="1">
      <alignment vertical="top" wrapText="1"/>
    </xf>
    <xf numFmtId="0" fontId="5" fillId="0" borderId="71" xfId="0" applyFont="1" applyBorder="1" applyAlignment="1">
      <alignment vertical="top" wrapText="1"/>
    </xf>
    <xf numFmtId="0" fontId="5" fillId="0" borderId="60" xfId="0" applyFont="1" applyBorder="1" applyAlignment="1">
      <alignment vertical="top" wrapText="1"/>
    </xf>
    <xf numFmtId="0" fontId="5" fillId="0" borderId="87" xfId="0" applyFont="1" applyBorder="1" applyAlignment="1">
      <alignment vertical="top" wrapText="1"/>
    </xf>
    <xf numFmtId="0" fontId="5" fillId="0" borderId="41" xfId="0" applyFont="1" applyBorder="1" applyAlignment="1">
      <alignment vertical="top" wrapText="1"/>
    </xf>
    <xf numFmtId="0" fontId="6" fillId="0" borderId="4" xfId="0" applyFont="1" applyBorder="1" applyAlignment="1">
      <alignment vertical="top" wrapText="1"/>
    </xf>
    <xf numFmtId="0" fontId="5" fillId="0" borderId="81" xfId="0" applyFont="1" applyBorder="1" applyAlignment="1">
      <alignment vertical="top" wrapText="1"/>
    </xf>
    <xf numFmtId="0" fontId="5" fillId="0" borderId="82" xfId="0" applyFont="1" applyBorder="1" applyAlignment="1">
      <alignment vertical="top" wrapText="1"/>
    </xf>
    <xf numFmtId="0" fontId="5" fillId="0" borderId="11" xfId="0" applyFont="1" applyBorder="1" applyAlignment="1">
      <alignment vertical="top" wrapText="1"/>
    </xf>
    <xf numFmtId="0" fontId="5" fillId="0" borderId="13" xfId="0" applyFont="1" applyBorder="1" applyAlignment="1">
      <alignment vertical="top" wrapText="1"/>
    </xf>
    <xf numFmtId="0" fontId="6" fillId="0" borderId="22" xfId="0" applyFont="1" applyBorder="1" applyAlignment="1">
      <alignment vertical="top" wrapText="1"/>
    </xf>
    <xf numFmtId="0" fontId="5" fillId="0" borderId="124" xfId="0" applyFont="1" applyBorder="1" applyAlignment="1">
      <alignment horizontal="justify" vertical="top" wrapText="1"/>
    </xf>
    <xf numFmtId="0" fontId="5" fillId="0" borderId="123" xfId="0" applyFont="1" applyBorder="1" applyAlignment="1">
      <alignment horizontal="justify" vertical="top" wrapText="1"/>
    </xf>
    <xf numFmtId="0" fontId="5" fillId="0" borderId="7" xfId="0" applyFont="1" applyBorder="1" applyAlignment="1">
      <alignment horizontal="left" vertical="top" wrapText="1"/>
    </xf>
    <xf numFmtId="0" fontId="5" fillId="0" borderId="125" xfId="0" applyFont="1" applyBorder="1" applyAlignment="1">
      <alignment vertical="top" wrapText="1"/>
    </xf>
    <xf numFmtId="0" fontId="5" fillId="0" borderId="43" xfId="0" applyFont="1" applyBorder="1" applyAlignment="1">
      <alignment vertical="top" wrapText="1"/>
    </xf>
    <xf numFmtId="0" fontId="5" fillId="0" borderId="104" xfId="0" applyFont="1" applyBorder="1" applyAlignment="1">
      <alignment vertical="top" wrapText="1"/>
    </xf>
    <xf numFmtId="0" fontId="5" fillId="0" borderId="30" xfId="0" applyFont="1" applyBorder="1" applyAlignment="1">
      <alignment vertical="top" wrapText="1"/>
    </xf>
    <xf numFmtId="0" fontId="5" fillId="0" borderId="42" xfId="0" applyFont="1" applyBorder="1" applyAlignment="1">
      <alignment horizontal="justify" vertical="top" wrapText="1"/>
    </xf>
    <xf numFmtId="0" fontId="2" fillId="0" borderId="61" xfId="0" applyFont="1" applyBorder="1" applyAlignment="1">
      <alignment vertical="top" wrapText="1"/>
    </xf>
    <xf numFmtId="0" fontId="5" fillId="0" borderId="72" xfId="0" applyFont="1" applyBorder="1" applyAlignment="1">
      <alignment horizontal="justify" vertical="top" wrapText="1"/>
    </xf>
    <xf numFmtId="0" fontId="5" fillId="0" borderId="48" xfId="0" applyFont="1" applyBorder="1" applyAlignment="1">
      <alignment horizontal="justify" vertical="top" wrapText="1"/>
    </xf>
    <xf numFmtId="0" fontId="5" fillId="0" borderId="8" xfId="0" applyFont="1" applyBorder="1" applyAlignment="1">
      <alignment horizontal="left" vertical="top" wrapText="1"/>
    </xf>
    <xf numFmtId="0" fontId="5" fillId="0" borderId="114" xfId="0" applyFont="1" applyBorder="1" applyAlignment="1">
      <alignment vertical="top" wrapText="1"/>
    </xf>
    <xf numFmtId="0" fontId="5" fillId="0" borderId="67" xfId="0" applyFont="1" applyBorder="1" applyAlignment="1">
      <alignment vertical="top" wrapText="1"/>
    </xf>
    <xf numFmtId="0" fontId="6" fillId="0" borderId="12" xfId="0" applyFont="1" applyBorder="1" applyAlignment="1">
      <alignment vertical="top" wrapText="1"/>
    </xf>
    <xf numFmtId="0" fontId="6" fillId="0" borderId="53" xfId="0" applyFont="1" applyBorder="1" applyAlignment="1">
      <alignment vertical="top" wrapText="1"/>
    </xf>
    <xf numFmtId="0" fontId="6" fillId="0" borderId="3" xfId="0" applyFont="1" applyBorder="1" applyAlignment="1">
      <alignment vertical="top" wrapText="1"/>
    </xf>
    <xf numFmtId="0" fontId="5" fillId="0" borderId="83" xfId="0" applyFont="1" applyBorder="1" applyAlignment="1">
      <alignment vertical="top" wrapText="1"/>
    </xf>
    <xf numFmtId="0" fontId="5" fillId="0" borderId="89" xfId="0" applyFont="1" applyBorder="1" applyAlignment="1">
      <alignment vertical="top" wrapText="1"/>
    </xf>
    <xf numFmtId="0" fontId="5" fillId="0" borderId="92" xfId="0" applyFont="1" applyBorder="1" applyAlignment="1">
      <alignment vertical="top" wrapText="1"/>
    </xf>
    <xf numFmtId="0" fontId="5" fillId="0" borderId="90" xfId="0" applyFont="1" applyBorder="1" applyAlignment="1">
      <alignment vertical="top" wrapText="1"/>
    </xf>
    <xf numFmtId="0" fontId="5" fillId="0" borderId="122" xfId="0" applyFont="1" applyBorder="1" applyAlignment="1">
      <alignment horizontal="justify" vertical="top" wrapText="1"/>
    </xf>
    <xf numFmtId="0" fontId="5" fillId="0" borderId="125" xfId="0" applyFont="1" applyBorder="1" applyAlignment="1">
      <alignment horizontal="justify" vertical="top" wrapText="1"/>
    </xf>
    <xf numFmtId="0" fontId="6" fillId="0" borderId="54" xfId="0" applyFont="1" applyBorder="1" applyAlignment="1">
      <alignment horizontal="justify" vertical="top" wrapText="1"/>
    </xf>
    <xf numFmtId="0" fontId="6" fillId="0" borderId="12" xfId="0" applyFont="1" applyBorder="1" applyAlignment="1">
      <alignment horizontal="justify" vertical="top" wrapText="1"/>
    </xf>
    <xf numFmtId="0" fontId="6" fillId="0" borderId="112" xfId="0" applyFont="1" applyBorder="1" applyAlignment="1">
      <alignment horizontal="justify" vertical="top" wrapText="1"/>
    </xf>
    <xf numFmtId="0" fontId="5" fillId="0" borderId="33" xfId="0" applyFont="1" applyBorder="1" applyAlignment="1">
      <alignment vertical="top" wrapText="1"/>
    </xf>
    <xf numFmtId="0" fontId="5" fillId="0" borderId="126" xfId="0" applyFont="1" applyBorder="1" applyAlignment="1">
      <alignment horizontal="justify" vertical="top" wrapText="1"/>
    </xf>
    <xf numFmtId="0" fontId="5" fillId="0" borderId="127" xfId="0" applyFont="1" applyBorder="1" applyAlignment="1">
      <alignment horizontal="justify" vertical="top" wrapText="1"/>
    </xf>
    <xf numFmtId="0" fontId="5" fillId="0" borderId="128" xfId="0" applyFont="1" applyBorder="1" applyAlignment="1">
      <alignment horizontal="justify" vertical="top" wrapText="1"/>
    </xf>
    <xf numFmtId="0" fontId="6" fillId="0" borderId="31" xfId="0" applyFont="1" applyBorder="1" applyAlignment="1">
      <alignment vertical="top" wrapText="1"/>
    </xf>
    <xf numFmtId="0" fontId="5" fillId="0" borderId="129" xfId="0" applyFont="1" applyBorder="1" applyAlignment="1">
      <alignment horizontal="justify" vertical="top" wrapText="1"/>
    </xf>
    <xf numFmtId="0" fontId="5" fillId="0" borderId="31" xfId="0" applyFont="1" applyBorder="1" applyAlignment="1">
      <alignment vertical="top" wrapText="1"/>
    </xf>
    <xf numFmtId="0" fontId="5" fillId="0" borderId="130" xfId="0" applyFont="1" applyBorder="1" applyAlignment="1">
      <alignment horizontal="justify" vertical="top" wrapText="1"/>
    </xf>
    <xf numFmtId="0" fontId="5" fillId="0" borderId="131" xfId="0" applyFont="1" applyBorder="1" applyAlignment="1">
      <alignment horizontal="justify" vertical="top" wrapText="1"/>
    </xf>
    <xf numFmtId="0" fontId="5" fillId="0" borderId="68" xfId="0" applyFont="1" applyBorder="1" applyAlignment="1">
      <alignment vertical="top" wrapText="1"/>
    </xf>
    <xf numFmtId="0" fontId="5" fillId="0" borderId="132" xfId="0" applyFont="1" applyBorder="1" applyAlignment="1">
      <alignment horizontal="justify" vertical="top" wrapText="1"/>
    </xf>
    <xf numFmtId="0" fontId="5" fillId="0" borderId="133" xfId="0" applyFont="1" applyBorder="1" applyAlignment="1">
      <alignment horizontal="justify" vertical="top" wrapText="1"/>
    </xf>
    <xf numFmtId="0" fontId="5" fillId="0" borderId="130" xfId="0" applyFont="1" applyBorder="1" applyAlignment="1">
      <alignment vertical="top" wrapText="1"/>
    </xf>
    <xf numFmtId="0" fontId="5" fillId="0" borderId="132" xfId="0" applyFont="1" applyBorder="1" applyAlignment="1">
      <alignment vertical="top" wrapText="1"/>
    </xf>
    <xf numFmtId="0" fontId="6" fillId="0" borderId="53" xfId="0" applyFont="1" applyBorder="1" applyAlignment="1">
      <alignment horizontal="justify" vertical="top" wrapText="1"/>
    </xf>
    <xf numFmtId="0" fontId="6" fillId="0" borderId="58" xfId="0" applyFont="1" applyBorder="1" applyAlignment="1">
      <alignment horizontal="justify" vertical="top" wrapText="1"/>
    </xf>
    <xf numFmtId="0" fontId="6" fillId="0" borderId="51" xfId="0" applyFont="1" applyBorder="1" applyAlignment="1">
      <alignment horizontal="justify" vertical="top" wrapText="1"/>
    </xf>
    <xf numFmtId="0" fontId="6" fillId="0" borderId="14" xfId="0" applyFont="1" applyBorder="1" applyAlignment="1">
      <alignment horizontal="justify" vertical="top" wrapText="1"/>
    </xf>
    <xf numFmtId="0" fontId="2" fillId="0" borderId="22" xfId="0" applyFont="1" applyBorder="1" applyAlignment="1">
      <alignment vertical="top" wrapText="1"/>
    </xf>
    <xf numFmtId="0" fontId="5" fillId="0" borderId="134" xfId="0" applyFont="1" applyBorder="1" applyAlignment="1">
      <alignment horizontal="justify" vertical="top" wrapText="1"/>
    </xf>
    <xf numFmtId="0" fontId="5" fillId="0" borderId="135" xfId="0" applyFont="1" applyBorder="1" applyAlignment="1">
      <alignment horizontal="justify" vertical="top" wrapText="1"/>
    </xf>
    <xf numFmtId="0" fontId="5" fillId="0" borderId="136" xfId="0" applyFont="1" applyBorder="1" applyAlignment="1">
      <alignment horizontal="justify" vertical="top" wrapText="1"/>
    </xf>
    <xf numFmtId="0" fontId="5" fillId="0" borderId="137" xfId="0" applyFont="1" applyBorder="1" applyAlignment="1">
      <alignment horizontal="justify" vertical="top" wrapText="1"/>
    </xf>
    <xf numFmtId="0" fontId="5" fillId="0" borderId="138" xfId="0" applyFont="1" applyBorder="1" applyAlignment="1">
      <alignment horizontal="justify" vertical="top" wrapText="1"/>
    </xf>
    <xf numFmtId="0" fontId="5" fillId="0" borderId="139" xfId="0" applyFont="1" applyBorder="1" applyAlignment="1">
      <alignment horizontal="justify" vertical="top" wrapText="1"/>
    </xf>
    <xf numFmtId="0" fontId="5" fillId="0" borderId="140" xfId="0" applyFont="1" applyBorder="1" applyAlignment="1">
      <alignment horizontal="justify" vertical="top" wrapText="1"/>
    </xf>
    <xf numFmtId="0" fontId="5" fillId="0" borderId="141" xfId="0" applyFont="1" applyBorder="1" applyAlignment="1">
      <alignment horizontal="justify" vertical="top" wrapText="1"/>
    </xf>
    <xf numFmtId="0" fontId="2" fillId="0" borderId="54" xfId="0" applyFont="1" applyBorder="1">
      <alignment vertical="center"/>
    </xf>
    <xf numFmtId="0" fontId="5" fillId="0" borderId="142" xfId="0" applyFont="1" applyBorder="1" applyAlignment="1">
      <alignment horizontal="justify" vertical="top" wrapText="1"/>
    </xf>
    <xf numFmtId="0" fontId="5" fillId="0" borderId="16" xfId="0" applyFont="1" applyBorder="1" applyAlignment="1">
      <alignment horizontal="justify" vertical="top"/>
    </xf>
    <xf numFmtId="0" fontId="2" fillId="0" borderId="17" xfId="0" applyFont="1" applyBorder="1" applyAlignment="1">
      <alignment vertical="top"/>
    </xf>
    <xf numFmtId="0" fontId="2" fillId="0" borderId="14" xfId="0" applyFont="1" applyBorder="1" applyAlignment="1">
      <alignment vertical="top"/>
    </xf>
    <xf numFmtId="0" fontId="5" fillId="0" borderId="143" xfId="0" applyFont="1" applyBorder="1" applyAlignment="1">
      <alignment horizontal="justify" vertical="top" wrapText="1"/>
    </xf>
    <xf numFmtId="0" fontId="6" fillId="0" borderId="64" xfId="0" applyFont="1" applyBorder="1" applyAlignment="1">
      <alignment horizontal="justify" vertical="top" wrapText="1"/>
    </xf>
    <xf numFmtId="0" fontId="5" fillId="0" borderId="30" xfId="0" applyFont="1" applyFill="1" applyBorder="1" applyAlignment="1">
      <alignment horizontal="justify" vertical="top" wrapText="1"/>
    </xf>
    <xf numFmtId="0" fontId="5" fillId="0" borderId="43" xfId="0" applyFont="1" applyFill="1" applyBorder="1" applyAlignment="1">
      <alignment horizontal="justify" vertical="top" wrapText="1"/>
    </xf>
    <xf numFmtId="0" fontId="5" fillId="0" borderId="1" xfId="0" applyFont="1" applyFill="1" applyBorder="1" applyAlignment="1">
      <alignment horizontal="justify" vertical="top" wrapText="1"/>
    </xf>
    <xf numFmtId="0" fontId="5" fillId="0" borderId="27" xfId="0" applyFont="1" applyFill="1" applyBorder="1" applyAlignment="1">
      <alignment horizontal="justify" vertical="top" wrapText="1"/>
    </xf>
    <xf numFmtId="0" fontId="5" fillId="0" borderId="70" xfId="0" applyFont="1" applyFill="1" applyBorder="1" applyAlignment="1">
      <alignment vertical="top" wrapText="1"/>
    </xf>
    <xf numFmtId="0" fontId="5" fillId="0" borderId="40" xfId="0" applyFont="1" applyFill="1" applyBorder="1" applyAlignment="1">
      <alignment vertical="top" wrapText="1"/>
    </xf>
    <xf numFmtId="0" fontId="5" fillId="0" borderId="46" xfId="0" applyFont="1" applyFill="1" applyBorder="1" applyAlignment="1">
      <alignment vertical="top" wrapText="1"/>
    </xf>
    <xf numFmtId="0" fontId="5" fillId="0" borderId="59" xfId="0" applyFont="1" applyFill="1" applyBorder="1" applyAlignment="1">
      <alignment vertical="top" wrapText="1"/>
    </xf>
    <xf numFmtId="0" fontId="5" fillId="0" borderId="50" xfId="0" applyFont="1" applyFill="1" applyBorder="1" applyAlignment="1">
      <alignment horizontal="justify" vertical="top" wrapText="1"/>
    </xf>
    <xf numFmtId="0" fontId="5" fillId="0" borderId="4" xfId="0" applyFont="1" applyFill="1" applyBorder="1" applyAlignment="1">
      <alignment horizontal="justify" vertical="top" wrapText="1"/>
    </xf>
    <xf numFmtId="0" fontId="5" fillId="0" borderId="15" xfId="0" applyFont="1" applyBorder="1" applyAlignment="1">
      <alignment vertical="top" wrapText="1"/>
    </xf>
    <xf numFmtId="0" fontId="5" fillId="0" borderId="0" xfId="0" applyFont="1" applyBorder="1" applyAlignment="1">
      <alignment vertical="top" wrapText="1"/>
    </xf>
    <xf numFmtId="0" fontId="5" fillId="0" borderId="15" xfId="0" applyFont="1" applyBorder="1" applyAlignment="1">
      <alignment horizontal="justify" vertical="top" wrapText="1"/>
    </xf>
    <xf numFmtId="0" fontId="5" fillId="0" borderId="0" xfId="0" applyFont="1" applyBorder="1" applyAlignment="1">
      <alignment horizontal="justify" vertical="top" wrapText="1"/>
    </xf>
    <xf numFmtId="0" fontId="5" fillId="0" borderId="81" xfId="0" applyFont="1" applyBorder="1" applyAlignment="1">
      <alignment horizontal="justify" vertical="top" wrapText="1"/>
    </xf>
    <xf numFmtId="0" fontId="5" fillId="0" borderId="11" xfId="0" applyFont="1" applyBorder="1" applyAlignment="1">
      <alignment horizontal="justify" vertical="top" wrapText="1"/>
    </xf>
    <xf numFmtId="0" fontId="5" fillId="0" borderId="82" xfId="0" applyFont="1" applyBorder="1" applyAlignment="1">
      <alignment horizontal="justify" vertical="top" wrapText="1"/>
    </xf>
    <xf numFmtId="0" fontId="4" fillId="2" borderId="18" xfId="0" applyFont="1" applyFill="1" applyBorder="1" applyAlignment="1">
      <alignment horizontal="center" vertical="top" wrapText="1"/>
    </xf>
    <xf numFmtId="0" fontId="5" fillId="0" borderId="52" xfId="0" applyFont="1" applyBorder="1" applyAlignment="1">
      <alignment horizontal="justify" vertical="top" wrapText="1"/>
    </xf>
    <xf numFmtId="0" fontId="5" fillId="0" borderId="6" xfId="0" applyFont="1" applyBorder="1" applyAlignment="1">
      <alignment horizontal="justify" vertical="top" wrapText="1"/>
    </xf>
    <xf numFmtId="0" fontId="5" fillId="0" borderId="13" xfId="0" applyFont="1" applyBorder="1" applyAlignment="1">
      <alignment horizontal="justify" vertical="top" wrapText="1"/>
    </xf>
    <xf numFmtId="0" fontId="5" fillId="0" borderId="23" xfId="0" applyFont="1" applyBorder="1" applyAlignment="1">
      <alignment horizontal="justify" vertical="top" wrapText="1"/>
    </xf>
    <xf numFmtId="0" fontId="5" fillId="0" borderId="17" xfId="0" applyFont="1" applyBorder="1" applyAlignment="1">
      <alignment horizontal="justify" vertical="top" wrapText="1"/>
    </xf>
    <xf numFmtId="0" fontId="5" fillId="0" borderId="52" xfId="0" applyFont="1" applyBorder="1" applyAlignment="1">
      <alignment vertical="top" wrapText="1"/>
    </xf>
    <xf numFmtId="0" fontId="5" fillId="0" borderId="6" xfId="0" applyFont="1" applyBorder="1" applyAlignment="1">
      <alignment vertical="top" wrapText="1"/>
    </xf>
    <xf numFmtId="0" fontId="5" fillId="0" borderId="57" xfId="0" applyFont="1" applyBorder="1" applyAlignment="1">
      <alignment vertical="top" wrapText="1"/>
    </xf>
    <xf numFmtId="0" fontId="5" fillId="0" borderId="62" xfId="0" applyFont="1" applyBorder="1" applyAlignment="1">
      <alignment vertical="top" wrapText="1"/>
    </xf>
    <xf numFmtId="0" fontId="5" fillId="0" borderId="50" xfId="0" applyFont="1" applyBorder="1" applyAlignment="1">
      <alignment horizontal="justify" vertical="top" wrapText="1"/>
    </xf>
    <xf numFmtId="0" fontId="5" fillId="0" borderId="62" xfId="0" applyFont="1" applyBorder="1" applyAlignment="1">
      <alignment horizontal="justify" vertical="top" wrapText="1"/>
    </xf>
    <xf numFmtId="0" fontId="5" fillId="0" borderId="63" xfId="0" applyFont="1" applyBorder="1" applyAlignment="1">
      <alignment horizontal="justify" vertical="top" wrapText="1"/>
    </xf>
    <xf numFmtId="0" fontId="5" fillId="0" borderId="57" xfId="0" applyFont="1" applyBorder="1" applyAlignment="1">
      <alignment horizontal="justify" vertical="top" wrapText="1"/>
    </xf>
    <xf numFmtId="0" fontId="5" fillId="0" borderId="35" xfId="0" applyFont="1" applyBorder="1" applyAlignment="1">
      <alignment horizontal="justify" vertical="top" wrapText="1"/>
    </xf>
    <xf numFmtId="0" fontId="5" fillId="0" borderId="12" xfId="0" applyFont="1" applyBorder="1" applyAlignment="1">
      <alignment vertical="top" wrapText="1"/>
    </xf>
    <xf numFmtId="0" fontId="5" fillId="0" borderId="91" xfId="0" applyFont="1" applyBorder="1" applyAlignment="1">
      <alignment vertical="top" wrapText="1"/>
    </xf>
    <xf numFmtId="0" fontId="5" fillId="0" borderId="53" xfId="0" applyFont="1" applyFill="1" applyBorder="1" applyAlignment="1">
      <alignment horizontal="justify" vertical="top" wrapText="1"/>
    </xf>
    <xf numFmtId="0" fontId="5" fillId="0" borderId="29" xfId="0" applyFont="1" applyFill="1" applyBorder="1" applyAlignment="1">
      <alignment horizontal="justify" vertical="top" wrapText="1"/>
    </xf>
    <xf numFmtId="0" fontId="5" fillId="0" borderId="58" xfId="0" applyFont="1" applyFill="1" applyBorder="1" applyAlignment="1">
      <alignment horizontal="justify" vertical="top" wrapText="1"/>
    </xf>
    <xf numFmtId="0" fontId="5" fillId="0" borderId="3" xfId="0" applyFont="1" applyFill="1" applyBorder="1" applyAlignment="1">
      <alignment horizontal="justify" vertical="top" wrapText="1"/>
    </xf>
    <xf numFmtId="0" fontId="13" fillId="0" borderId="0" xfId="0" applyFont="1" applyBorder="1" applyAlignment="1">
      <alignment horizontal="left" vertical="top"/>
    </xf>
    <xf numFmtId="0" fontId="5" fillId="0" borderId="144" xfId="0" applyFont="1" applyBorder="1" applyAlignment="1">
      <alignment vertical="top" wrapText="1"/>
    </xf>
    <xf numFmtId="0" fontId="5" fillId="0" borderId="145" xfId="0" applyFont="1" applyBorder="1" applyAlignment="1">
      <alignment horizontal="justify" vertical="top" wrapText="1"/>
    </xf>
    <xf numFmtId="0" fontId="6" fillId="0" borderId="129" xfId="0" applyFont="1" applyBorder="1" applyAlignment="1">
      <alignment vertical="top" wrapText="1"/>
    </xf>
    <xf numFmtId="0" fontId="5" fillId="0" borderId="15" xfId="0" applyFont="1" applyBorder="1" applyAlignment="1">
      <alignment horizontal="justify" vertical="top" wrapText="1"/>
    </xf>
    <xf numFmtId="0" fontId="5" fillId="0" borderId="0" xfId="0" applyFont="1" applyBorder="1" applyAlignment="1">
      <alignment horizontal="justify" vertical="top" wrapText="1"/>
    </xf>
    <xf numFmtId="0" fontId="5" fillId="0" borderId="11" xfId="0" applyFont="1" applyBorder="1" applyAlignment="1">
      <alignment horizontal="justify" vertical="top" wrapText="1"/>
    </xf>
    <xf numFmtId="0" fontId="5" fillId="3" borderId="12" xfId="0" applyFont="1" applyFill="1" applyBorder="1" applyAlignment="1">
      <alignment vertical="top" wrapText="1"/>
    </xf>
    <xf numFmtId="0" fontId="5" fillId="3" borderId="1" xfId="0" applyFont="1" applyFill="1" applyBorder="1" applyAlignment="1">
      <alignment horizontal="justify" vertical="top" wrapText="1"/>
    </xf>
    <xf numFmtId="0" fontId="5" fillId="3" borderId="54" xfId="0" applyFont="1" applyFill="1" applyBorder="1" applyAlignment="1">
      <alignment vertical="top" wrapText="1"/>
    </xf>
    <xf numFmtId="0" fontId="5" fillId="3" borderId="30" xfId="0" applyFont="1" applyFill="1" applyBorder="1" applyAlignment="1">
      <alignment horizontal="justify" vertical="top" wrapText="1"/>
    </xf>
    <xf numFmtId="0" fontId="5" fillId="4" borderId="32" xfId="0" applyFont="1" applyFill="1" applyBorder="1" applyAlignment="1">
      <alignment horizontal="justify" vertical="top" wrapText="1"/>
    </xf>
    <xf numFmtId="0" fontId="5" fillId="4" borderId="67" xfId="0" applyFont="1" applyFill="1" applyBorder="1" applyAlignment="1">
      <alignment horizontal="justify" vertical="top" wrapText="1"/>
    </xf>
    <xf numFmtId="0" fontId="5" fillId="4" borderId="9" xfId="0" applyFont="1" applyFill="1" applyBorder="1" applyAlignment="1">
      <alignment horizontal="justify" vertical="top" wrapText="1"/>
    </xf>
    <xf numFmtId="0" fontId="5" fillId="4" borderId="50" xfId="0" applyFont="1" applyFill="1" applyBorder="1" applyAlignment="1">
      <alignment horizontal="justify" vertical="top" wrapText="1"/>
    </xf>
    <xf numFmtId="0" fontId="5" fillId="4" borderId="33" xfId="0" applyFont="1" applyFill="1" applyBorder="1" applyAlignment="1">
      <alignment horizontal="justify" vertical="top" wrapText="1"/>
    </xf>
    <xf numFmtId="0" fontId="5" fillId="4" borderId="68" xfId="0" applyFont="1" applyFill="1" applyBorder="1" applyAlignment="1">
      <alignment horizontal="justify" vertical="top" wrapText="1"/>
    </xf>
    <xf numFmtId="0" fontId="15" fillId="0" borderId="30" xfId="0" applyFont="1" applyFill="1" applyBorder="1" applyAlignment="1">
      <alignment horizontal="justify" vertical="top" wrapText="1"/>
    </xf>
    <xf numFmtId="0" fontId="5" fillId="0" borderId="31" xfId="0" applyFont="1" applyFill="1" applyBorder="1" applyAlignment="1">
      <alignment horizontal="justify" vertical="top" wrapText="1"/>
    </xf>
    <xf numFmtId="0" fontId="5" fillId="4" borderId="34" xfId="0" applyFont="1" applyFill="1" applyBorder="1" applyAlignment="1">
      <alignment horizontal="justify" vertical="top" wrapText="1"/>
    </xf>
    <xf numFmtId="0" fontId="5" fillId="4" borderId="69" xfId="0" applyFont="1" applyFill="1" applyBorder="1" applyAlignment="1">
      <alignment horizontal="justify" vertical="top" wrapText="1"/>
    </xf>
    <xf numFmtId="0" fontId="5" fillId="5" borderId="51" xfId="0" applyFont="1" applyFill="1" applyBorder="1" applyAlignment="1">
      <alignment horizontal="justify" vertical="top" wrapText="1"/>
    </xf>
    <xf numFmtId="0" fontId="14" fillId="0" borderId="0" xfId="0" applyFont="1" applyBorder="1" applyAlignment="1">
      <alignment vertical="top"/>
    </xf>
    <xf numFmtId="0" fontId="14" fillId="0" borderId="0" xfId="0" applyFont="1" applyBorder="1" applyAlignment="1">
      <alignment horizontal="right" vertical="top"/>
    </xf>
    <xf numFmtId="0" fontId="2" fillId="5" borderId="146" xfId="0" applyFont="1" applyFill="1" applyBorder="1" applyAlignment="1">
      <alignment vertical="top"/>
    </xf>
    <xf numFmtId="0" fontId="5" fillId="5" borderId="12" xfId="0" applyFont="1" applyFill="1" applyBorder="1" applyAlignment="1">
      <alignment vertical="top" wrapText="1"/>
    </xf>
    <xf numFmtId="0" fontId="15" fillId="0" borderId="27" xfId="0" applyFont="1" applyBorder="1" applyAlignment="1">
      <alignment horizontal="justify" vertical="top" wrapText="1"/>
    </xf>
    <xf numFmtId="0" fontId="15" fillId="0" borderId="12" xfId="0" applyFont="1" applyBorder="1" applyAlignment="1">
      <alignment horizontal="justify" vertical="top" wrapText="1"/>
    </xf>
    <xf numFmtId="0" fontId="15" fillId="0" borderId="54" xfId="0" applyFont="1" applyBorder="1" applyAlignment="1">
      <alignment horizontal="justify" vertical="top" wrapText="1"/>
    </xf>
    <xf numFmtId="0" fontId="5" fillId="3" borderId="51" xfId="0" applyFont="1" applyFill="1" applyBorder="1" applyAlignment="1">
      <alignment horizontal="justify" vertical="top" wrapText="1"/>
    </xf>
    <xf numFmtId="0" fontId="5" fillId="3" borderId="4" xfId="0" applyFont="1" applyFill="1" applyBorder="1" applyAlignment="1">
      <alignment horizontal="justify" vertical="top" wrapText="1"/>
    </xf>
    <xf numFmtId="0" fontId="5" fillId="4" borderId="24" xfId="0" applyFont="1" applyFill="1" applyBorder="1" applyAlignment="1">
      <alignment horizontal="justify" vertical="top" wrapText="1"/>
    </xf>
    <xf numFmtId="0" fontId="5" fillId="4" borderId="3" xfId="0" applyFont="1" applyFill="1" applyBorder="1" applyAlignment="1">
      <alignment horizontal="justify" vertical="top" wrapText="1"/>
    </xf>
    <xf numFmtId="0" fontId="5" fillId="5" borderId="1" xfId="0" applyFont="1" applyFill="1" applyBorder="1" applyAlignment="1">
      <alignment horizontal="justify" vertical="top" wrapText="1"/>
    </xf>
    <xf numFmtId="0" fontId="5" fillId="4" borderId="36" xfId="0" applyFont="1" applyFill="1" applyBorder="1" applyAlignment="1">
      <alignment horizontal="justify" vertical="top" wrapText="1"/>
    </xf>
    <xf numFmtId="0" fontId="5" fillId="4" borderId="70" xfId="0" applyFont="1" applyFill="1" applyBorder="1" applyAlignment="1">
      <alignment horizontal="justify" vertical="top" wrapText="1"/>
    </xf>
    <xf numFmtId="0" fontId="5" fillId="3" borderId="59" xfId="0" applyFont="1" applyFill="1" applyBorder="1" applyAlignment="1">
      <alignment horizontal="justify" vertical="top" wrapText="1"/>
    </xf>
    <xf numFmtId="0" fontId="5" fillId="3" borderId="40" xfId="0" applyFont="1" applyFill="1" applyBorder="1" applyAlignment="1">
      <alignment horizontal="justify" vertical="top" wrapText="1"/>
    </xf>
    <xf numFmtId="0" fontId="5" fillId="3" borderId="60" xfId="0" applyFont="1" applyFill="1" applyBorder="1" applyAlignment="1">
      <alignment horizontal="justify" vertical="top" wrapText="1"/>
    </xf>
    <xf numFmtId="0" fontId="5" fillId="3" borderId="41" xfId="0" applyFont="1" applyFill="1" applyBorder="1" applyAlignment="1">
      <alignment horizontal="justify" vertical="top" wrapText="1"/>
    </xf>
    <xf numFmtId="0" fontId="5" fillId="4" borderId="37" xfId="0" applyFont="1" applyFill="1" applyBorder="1" applyAlignment="1">
      <alignment horizontal="justify" vertical="top" wrapText="1"/>
    </xf>
    <xf numFmtId="0" fontId="5" fillId="4" borderId="71" xfId="0" applyFont="1" applyFill="1" applyBorder="1" applyAlignment="1">
      <alignment horizontal="justify" vertical="top" wrapText="1"/>
    </xf>
    <xf numFmtId="0" fontId="5" fillId="4" borderId="7" xfId="0" applyFont="1" applyFill="1" applyBorder="1" applyAlignment="1">
      <alignment horizontal="justify" vertical="top" wrapText="1"/>
    </xf>
    <xf numFmtId="0" fontId="5" fillId="4" borderId="1" xfId="0" applyFont="1" applyFill="1" applyBorder="1" applyAlignment="1">
      <alignment horizontal="justify" vertical="top" wrapText="1"/>
    </xf>
    <xf numFmtId="0" fontId="5" fillId="4" borderId="57" xfId="0" applyFont="1" applyFill="1" applyBorder="1" applyAlignment="1">
      <alignment horizontal="justify" vertical="top" wrapText="1"/>
    </xf>
    <xf numFmtId="0" fontId="5" fillId="3" borderId="12" xfId="0" applyFont="1" applyFill="1" applyBorder="1" applyAlignment="1">
      <alignment horizontal="justify" vertical="top" wrapText="1"/>
    </xf>
    <xf numFmtId="0" fontId="5" fillId="4" borderId="27" xfId="0" applyFont="1" applyFill="1" applyBorder="1" applyAlignment="1">
      <alignment horizontal="justify" vertical="top" wrapText="1"/>
    </xf>
    <xf numFmtId="0" fontId="15" fillId="0" borderId="53" xfId="0" applyFont="1" applyBorder="1" applyAlignment="1">
      <alignment horizontal="justify" vertical="top" wrapText="1"/>
    </xf>
    <xf numFmtId="0" fontId="5" fillId="4" borderId="38" xfId="0" applyFont="1" applyFill="1" applyBorder="1" applyAlignment="1">
      <alignment horizontal="justify" vertical="top" wrapText="1"/>
    </xf>
    <xf numFmtId="0" fontId="5" fillId="4" borderId="72" xfId="0" applyFont="1" applyFill="1" applyBorder="1" applyAlignment="1">
      <alignment vertical="top" wrapText="1"/>
    </xf>
    <xf numFmtId="0" fontId="5" fillId="4" borderId="42" xfId="0" applyFont="1" applyFill="1" applyBorder="1" applyAlignment="1">
      <alignment vertical="top" wrapText="1"/>
    </xf>
    <xf numFmtId="0" fontId="5" fillId="0" borderId="0" xfId="0" applyFont="1" applyBorder="1" applyAlignment="1">
      <alignment horizontal="justify" vertical="top" wrapText="1"/>
    </xf>
    <xf numFmtId="0" fontId="5" fillId="0" borderId="15" xfId="0" applyFont="1" applyBorder="1" applyAlignment="1">
      <alignment horizontal="justify" vertical="top" wrapText="1"/>
    </xf>
    <xf numFmtId="0" fontId="5" fillId="0" borderId="52" xfId="0" applyFont="1" applyBorder="1" applyAlignment="1">
      <alignment horizontal="justify" vertical="top" wrapText="1"/>
    </xf>
    <xf numFmtId="0" fontId="5" fillId="0" borderId="15" xfId="0" applyFont="1" applyBorder="1" applyAlignment="1">
      <alignment vertical="top" wrapText="1"/>
    </xf>
    <xf numFmtId="0" fontId="5" fillId="0" borderId="50" xfId="0" applyFont="1" applyBorder="1" applyAlignment="1">
      <alignment horizontal="justify" vertical="top" wrapText="1"/>
    </xf>
    <xf numFmtId="0" fontId="5" fillId="0" borderId="12" xfId="0" applyFont="1" applyBorder="1" applyAlignment="1">
      <alignment vertical="top" wrapText="1"/>
    </xf>
    <xf numFmtId="0" fontId="2" fillId="6" borderId="146" xfId="0" applyFont="1" applyFill="1" applyBorder="1">
      <alignment vertical="center"/>
    </xf>
    <xf numFmtId="0" fontId="5" fillId="4" borderId="28" xfId="0" applyFont="1" applyFill="1" applyBorder="1" applyAlignment="1">
      <alignment horizontal="justify" vertical="top" wrapText="1"/>
    </xf>
    <xf numFmtId="0" fontId="15" fillId="0" borderId="51" xfId="0" applyFont="1" applyFill="1" applyBorder="1" applyAlignment="1">
      <alignment horizontal="justify" vertical="top" wrapText="1"/>
    </xf>
    <xf numFmtId="0" fontId="5" fillId="4" borderId="15" xfId="0" applyFont="1" applyFill="1" applyBorder="1" applyAlignment="1">
      <alignment horizontal="justify" vertical="top" wrapText="1"/>
    </xf>
    <xf numFmtId="0" fontId="5" fillId="4" borderId="58" xfId="0" applyFont="1" applyFill="1" applyBorder="1" applyAlignment="1">
      <alignment horizontal="justify" vertical="top" wrapText="1"/>
    </xf>
    <xf numFmtId="0" fontId="5" fillId="4" borderId="4" xfId="0" applyFont="1" applyFill="1" applyBorder="1" applyAlignment="1">
      <alignment horizontal="justify" vertical="top" wrapText="1"/>
    </xf>
    <xf numFmtId="0" fontId="5" fillId="4" borderId="12" xfId="0" applyFont="1" applyFill="1" applyBorder="1" applyAlignment="1">
      <alignment horizontal="justify" vertical="top" wrapText="1"/>
    </xf>
    <xf numFmtId="0" fontId="15" fillId="0" borderId="25" xfId="0" applyFont="1" applyBorder="1" applyAlignment="1">
      <alignment horizontal="justify" vertical="top" wrapText="1"/>
    </xf>
    <xf numFmtId="0" fontId="5" fillId="4" borderId="8" xfId="0" applyFont="1" applyFill="1" applyBorder="1" applyAlignment="1">
      <alignment horizontal="justify" vertical="top" wrapText="1"/>
    </xf>
    <xf numFmtId="0" fontId="15" fillId="0" borderId="80" xfId="0" applyFont="1" applyBorder="1" applyAlignment="1">
      <alignment horizontal="justify" vertical="top" wrapText="1"/>
    </xf>
    <xf numFmtId="0" fontId="5" fillId="5" borderId="12" xfId="0" applyFont="1" applyFill="1" applyBorder="1" applyAlignment="1">
      <alignment horizontal="justify" vertical="top" wrapText="1"/>
    </xf>
    <xf numFmtId="0" fontId="5" fillId="4" borderId="23" xfId="0" applyFont="1" applyFill="1" applyBorder="1" applyAlignment="1">
      <alignment horizontal="justify" vertical="top" wrapText="1"/>
    </xf>
    <xf numFmtId="0" fontId="5" fillId="0" borderId="12" xfId="0" applyFont="1" applyBorder="1" applyAlignment="1">
      <alignment vertical="top" wrapText="1"/>
    </xf>
    <xf numFmtId="0" fontId="5" fillId="0" borderId="15" xfId="0" applyFont="1" applyBorder="1" applyAlignment="1">
      <alignment horizontal="justify" vertical="top" wrapText="1"/>
    </xf>
    <xf numFmtId="0" fontId="5" fillId="0" borderId="0" xfId="0" applyFont="1" applyBorder="1" applyAlignment="1">
      <alignment horizontal="justify" vertical="top" wrapText="1"/>
    </xf>
    <xf numFmtId="0" fontId="5" fillId="0" borderId="15" xfId="0" applyFont="1" applyBorder="1" applyAlignment="1">
      <alignment vertical="top" wrapText="1"/>
    </xf>
    <xf numFmtId="0" fontId="5" fillId="0" borderId="11" xfId="0" applyFont="1" applyBorder="1" applyAlignment="1">
      <alignment horizontal="justify" vertical="top" wrapText="1"/>
    </xf>
    <xf numFmtId="0" fontId="5" fillId="4" borderId="35" xfId="0" applyFont="1" applyFill="1" applyBorder="1" applyAlignment="1">
      <alignment horizontal="justify" vertical="top" wrapText="1"/>
    </xf>
    <xf numFmtId="0" fontId="5" fillId="3" borderId="58" xfId="0" applyFont="1" applyFill="1" applyBorder="1" applyAlignment="1">
      <alignment horizontal="justify" vertical="top" wrapText="1"/>
    </xf>
    <xf numFmtId="0" fontId="5" fillId="3" borderId="3" xfId="0" applyFont="1" applyFill="1" applyBorder="1" applyAlignment="1">
      <alignment horizontal="justify" vertical="top" wrapText="1"/>
    </xf>
    <xf numFmtId="0" fontId="5" fillId="4" borderId="29" xfId="0" applyFont="1" applyFill="1" applyBorder="1" applyAlignment="1">
      <alignment horizontal="justify" vertical="top" wrapText="1"/>
    </xf>
    <xf numFmtId="0" fontId="15" fillId="0" borderId="28" xfId="0" applyFont="1" applyBorder="1" applyAlignment="1">
      <alignment horizontal="justify" vertical="top" wrapText="1"/>
    </xf>
    <xf numFmtId="0" fontId="15" fillId="0" borderId="51" xfId="0" applyFont="1" applyBorder="1" applyAlignment="1">
      <alignment horizontal="justify" vertical="top" wrapText="1"/>
    </xf>
    <xf numFmtId="0" fontId="15" fillId="0" borderId="29" xfId="0" applyFont="1" applyBorder="1" applyAlignment="1">
      <alignment horizontal="justify" vertical="top" wrapText="1"/>
    </xf>
    <xf numFmtId="0" fontId="5" fillId="5" borderId="14" xfId="0" applyFont="1" applyFill="1" applyBorder="1" applyAlignment="1">
      <alignment horizontal="justify" vertical="top" wrapText="1"/>
    </xf>
    <xf numFmtId="0" fontId="5" fillId="4" borderId="15" xfId="0" applyFont="1" applyFill="1" applyBorder="1" applyAlignment="1">
      <alignment horizontal="justify" vertical="top" wrapText="1"/>
    </xf>
    <xf numFmtId="0" fontId="5" fillId="0" borderId="15" xfId="0" applyFont="1" applyFill="1" applyBorder="1" applyAlignment="1">
      <alignment horizontal="justify" vertical="top" wrapText="1"/>
    </xf>
    <xf numFmtId="0" fontId="5" fillId="0" borderId="0" xfId="0" applyFont="1" applyFill="1" applyBorder="1" applyAlignment="1">
      <alignment horizontal="justify" vertical="top" wrapText="1"/>
    </xf>
    <xf numFmtId="0" fontId="15" fillId="0" borderId="12" xfId="0" applyFont="1" applyFill="1" applyBorder="1" applyAlignment="1">
      <alignment horizontal="justify" vertical="top" wrapText="1"/>
    </xf>
    <xf numFmtId="0" fontId="5" fillId="3" borderId="27" xfId="0" applyFont="1" applyFill="1" applyBorder="1" applyAlignment="1">
      <alignment horizontal="justify" vertical="top" wrapText="1"/>
    </xf>
    <xf numFmtId="0" fontId="5" fillId="3" borderId="28" xfId="0" applyFont="1" applyFill="1" applyBorder="1" applyAlignment="1">
      <alignment horizontal="justify" vertical="top" wrapText="1"/>
    </xf>
    <xf numFmtId="0" fontId="5" fillId="3" borderId="53" xfId="0" applyFont="1" applyFill="1" applyBorder="1" applyAlignment="1">
      <alignment horizontal="justify" vertical="top" wrapText="1"/>
    </xf>
    <xf numFmtId="0" fontId="5" fillId="3" borderId="5" xfId="0" applyFont="1" applyFill="1" applyBorder="1" applyAlignment="1">
      <alignment horizontal="justify" vertical="top" wrapText="1"/>
    </xf>
    <xf numFmtId="0" fontId="5" fillId="4" borderId="9" xfId="0" applyFont="1" applyFill="1" applyBorder="1" applyAlignment="1">
      <alignment vertical="top" wrapText="1"/>
    </xf>
    <xf numFmtId="0" fontId="5" fillId="4" borderId="57" xfId="0" applyFont="1" applyFill="1" applyBorder="1" applyAlignment="1">
      <alignment vertical="top" wrapText="1"/>
    </xf>
    <xf numFmtId="0" fontId="5" fillId="5" borderId="51" xfId="0" applyFont="1" applyFill="1" applyBorder="1" applyAlignment="1">
      <alignment vertical="top" wrapText="1"/>
    </xf>
    <xf numFmtId="0" fontId="5" fillId="0" borderId="7" xfId="0" applyFont="1" applyFill="1" applyBorder="1" applyAlignment="1">
      <alignment horizontal="justify" vertical="top" wrapText="1"/>
    </xf>
    <xf numFmtId="0" fontId="5" fillId="4" borderId="51" xfId="0" applyFont="1" applyFill="1" applyBorder="1" applyAlignment="1">
      <alignment horizontal="justify" vertical="top" wrapText="1"/>
    </xf>
    <xf numFmtId="0" fontId="5" fillId="4" borderId="8" xfId="0" applyFont="1" applyFill="1" applyBorder="1" applyAlignment="1">
      <alignment vertical="top" wrapText="1"/>
    </xf>
    <xf numFmtId="0" fontId="15" fillId="0" borderId="29" xfId="0" applyFont="1" applyBorder="1" applyAlignment="1">
      <alignment vertical="top" wrapText="1"/>
    </xf>
    <xf numFmtId="0" fontId="15" fillId="0" borderId="58" xfId="0" applyFont="1" applyBorder="1" applyAlignment="1">
      <alignment vertical="top" wrapText="1"/>
    </xf>
    <xf numFmtId="0" fontId="15" fillId="0" borderId="64" xfId="0" applyFont="1" applyBorder="1" applyAlignment="1">
      <alignment vertical="top" wrapText="1"/>
    </xf>
    <xf numFmtId="0" fontId="15" fillId="0" borderId="73" xfId="0" applyFont="1" applyBorder="1" applyAlignment="1">
      <alignment vertical="top" wrapText="1"/>
    </xf>
    <xf numFmtId="0" fontId="15" fillId="0" borderId="65" xfId="0" applyFont="1" applyBorder="1" applyAlignment="1">
      <alignment vertical="top" wrapText="1"/>
    </xf>
    <xf numFmtId="0" fontId="5" fillId="4" borderId="52" xfId="0" applyFont="1" applyFill="1" applyBorder="1" applyAlignment="1">
      <alignment horizontal="justify" vertical="top" wrapText="1"/>
    </xf>
    <xf numFmtId="0" fontId="5" fillId="4" borderId="25" xfId="0" applyFont="1" applyFill="1" applyBorder="1" applyAlignment="1">
      <alignment horizontal="justify" vertical="top" wrapText="1"/>
    </xf>
    <xf numFmtId="0" fontId="5" fillId="4" borderId="50" xfId="0" applyFont="1" applyFill="1" applyBorder="1" applyAlignment="1">
      <alignment vertical="top" wrapText="1"/>
    </xf>
    <xf numFmtId="0" fontId="11" fillId="4" borderId="3" xfId="0" applyFont="1" applyFill="1" applyBorder="1" applyAlignment="1">
      <alignment vertical="top" wrapText="1"/>
    </xf>
    <xf numFmtId="0" fontId="5" fillId="4" borderId="15" xfId="0" applyFont="1" applyFill="1" applyBorder="1" applyAlignment="1">
      <alignment vertical="top" wrapText="1"/>
    </xf>
    <xf numFmtId="0" fontId="5" fillId="4" borderId="28" xfId="0" applyFont="1" applyFill="1" applyBorder="1" applyAlignment="1">
      <alignment vertical="top" wrapText="1"/>
    </xf>
    <xf numFmtId="0" fontId="5" fillId="4" borderId="27" xfId="0" applyFont="1" applyFill="1" applyBorder="1" applyAlignment="1">
      <alignment vertical="top" wrapText="1"/>
    </xf>
    <xf numFmtId="0" fontId="5" fillId="0" borderId="8" xfId="0" applyFont="1" applyFill="1" applyBorder="1" applyAlignment="1">
      <alignment horizontal="justify" vertical="top" wrapText="1"/>
    </xf>
    <xf numFmtId="0" fontId="15" fillId="0" borderId="25" xfId="0" applyFont="1" applyBorder="1" applyAlignment="1">
      <alignment vertical="top" wrapText="1"/>
    </xf>
    <xf numFmtId="0" fontId="15" fillId="0" borderId="53" xfId="0" applyFont="1" applyBorder="1" applyAlignment="1">
      <alignment vertical="top" wrapText="1"/>
    </xf>
    <xf numFmtId="0" fontId="15" fillId="0" borderId="80" xfId="0" applyFont="1" applyBorder="1" applyAlignment="1">
      <alignment vertical="top" wrapText="1"/>
    </xf>
    <xf numFmtId="0" fontId="15" fillId="0" borderId="14" xfId="0" applyFont="1" applyBorder="1" applyAlignment="1">
      <alignment vertical="top" wrapText="1"/>
    </xf>
    <xf numFmtId="0" fontId="15" fillId="0" borderId="46" xfId="0" applyFont="1" applyBorder="1" applyAlignment="1">
      <alignment horizontal="justify" vertical="top" wrapText="1"/>
    </xf>
    <xf numFmtId="0" fontId="15" fillId="0" borderId="59" xfId="0" applyFont="1" applyBorder="1" applyAlignment="1">
      <alignment horizontal="justify" vertical="top" wrapText="1"/>
    </xf>
    <xf numFmtId="0" fontId="15" fillId="0" borderId="47" xfId="0" applyFont="1" applyBorder="1" applyAlignment="1">
      <alignment horizontal="justify" vertical="top" wrapText="1"/>
    </xf>
    <xf numFmtId="0" fontId="15" fillId="0" borderId="60" xfId="0" applyFont="1" applyBorder="1" applyAlignment="1">
      <alignment horizontal="justify" vertical="top" wrapText="1"/>
    </xf>
    <xf numFmtId="0" fontId="15" fillId="0" borderId="88" xfId="0" applyFont="1" applyBorder="1" applyAlignment="1">
      <alignment horizontal="justify" vertical="top" wrapText="1"/>
    </xf>
    <xf numFmtId="0" fontId="15" fillId="0" borderId="91" xfId="0" applyFont="1" applyBorder="1" applyAlignment="1">
      <alignment horizontal="justify" vertical="top" wrapText="1"/>
    </xf>
    <xf numFmtId="0" fontId="18" fillId="0" borderId="28" xfId="0" applyFont="1" applyFill="1" applyBorder="1" applyAlignment="1">
      <alignment horizontal="center" vertical="top" wrapText="1"/>
    </xf>
    <xf numFmtId="0" fontId="18" fillId="0" borderId="51" xfId="0" applyFont="1" applyFill="1" applyBorder="1" applyAlignment="1">
      <alignment horizontal="center" vertical="top" wrapText="1"/>
    </xf>
    <xf numFmtId="0" fontId="15" fillId="0" borderId="99" xfId="0" applyFont="1" applyBorder="1" applyAlignment="1">
      <alignment horizontal="justify" vertical="top" wrapText="1"/>
    </xf>
    <xf numFmtId="0" fontId="15" fillId="0" borderId="96" xfId="0" applyFont="1" applyBorder="1" applyAlignment="1">
      <alignment horizontal="justify" vertical="top" wrapText="1"/>
    </xf>
    <xf numFmtId="0" fontId="5" fillId="3" borderId="46" xfId="0" applyFont="1" applyFill="1" applyBorder="1" applyAlignment="1">
      <alignment vertical="top" wrapText="1"/>
    </xf>
    <xf numFmtId="0" fontId="15" fillId="0" borderId="59" xfId="0" applyFont="1" applyBorder="1" applyAlignment="1">
      <alignment vertical="top" wrapText="1"/>
    </xf>
    <xf numFmtId="0" fontId="15" fillId="0" borderId="27" xfId="0" applyFont="1" applyBorder="1" applyAlignment="1">
      <alignment vertical="top" wrapText="1"/>
    </xf>
    <xf numFmtId="0" fontId="15" fillId="0" borderId="12" xfId="0" applyFont="1" applyBorder="1" applyAlignment="1">
      <alignment vertical="top" wrapText="1"/>
    </xf>
    <xf numFmtId="0" fontId="15" fillId="0" borderId="88" xfId="0" applyFont="1" applyBorder="1" applyAlignment="1">
      <alignment vertical="top" wrapText="1"/>
    </xf>
    <xf numFmtId="0" fontId="15" fillId="0" borderId="91" xfId="0" applyFont="1" applyBorder="1" applyAlignment="1">
      <alignment vertical="top" wrapText="1"/>
    </xf>
    <xf numFmtId="0" fontId="15" fillId="0" borderId="46" xfId="0" applyFont="1" applyBorder="1" applyAlignment="1">
      <alignment vertical="top" wrapText="1"/>
    </xf>
    <xf numFmtId="0" fontId="15" fillId="0" borderId="47" xfId="0" applyFont="1" applyBorder="1" applyAlignment="1">
      <alignment vertical="top" wrapText="1"/>
    </xf>
    <xf numFmtId="0" fontId="15" fillId="0" borderId="60" xfId="0" applyFont="1" applyBorder="1" applyAlignment="1">
      <alignment vertical="top" wrapText="1"/>
    </xf>
    <xf numFmtId="0" fontId="5" fillId="4" borderId="1" xfId="0" applyFont="1" applyFill="1" applyBorder="1" applyAlignment="1">
      <alignment vertical="top" wrapText="1"/>
    </xf>
    <xf numFmtId="0" fontId="5" fillId="4" borderId="5" xfId="0" applyFont="1" applyFill="1" applyBorder="1" applyAlignment="1">
      <alignment vertical="top" wrapText="1"/>
    </xf>
    <xf numFmtId="0" fontId="5" fillId="4" borderId="25" xfId="0" applyFont="1" applyFill="1" applyBorder="1" applyAlignment="1">
      <alignment vertical="top" wrapText="1"/>
    </xf>
    <xf numFmtId="0" fontId="5" fillId="4" borderId="40" xfId="0" applyFont="1" applyFill="1" applyBorder="1" applyAlignment="1">
      <alignment horizontal="justify" vertical="top" wrapText="1"/>
    </xf>
    <xf numFmtId="0" fontId="5" fillId="4" borderId="46" xfId="0" applyFont="1" applyFill="1" applyBorder="1" applyAlignment="1">
      <alignment vertical="top" wrapText="1"/>
    </xf>
    <xf numFmtId="0" fontId="5" fillId="4" borderId="46" xfId="0" applyFont="1" applyFill="1" applyBorder="1" applyAlignment="1">
      <alignment horizontal="justify" vertical="top" wrapText="1"/>
    </xf>
    <xf numFmtId="0" fontId="5" fillId="3" borderId="46" xfId="0" applyFont="1" applyFill="1" applyBorder="1" applyAlignment="1">
      <alignment horizontal="justify" vertical="top" wrapText="1"/>
    </xf>
    <xf numFmtId="0" fontId="5" fillId="5" borderId="87" xfId="0" applyFont="1" applyFill="1" applyBorder="1" applyAlignment="1">
      <alignment horizontal="justify" vertical="top" wrapText="1"/>
    </xf>
    <xf numFmtId="0" fontId="15" fillId="0" borderId="61" xfId="0" applyFont="1" applyBorder="1" applyAlignment="1">
      <alignment vertical="top" wrapText="1"/>
    </xf>
    <xf numFmtId="0" fontId="15" fillId="0" borderId="1" xfId="0" applyFont="1" applyBorder="1" applyAlignment="1">
      <alignment horizontal="justify" vertical="top" wrapText="1"/>
    </xf>
    <xf numFmtId="0" fontId="15" fillId="0" borderId="4" xfId="0" applyFont="1" applyBorder="1" applyAlignment="1">
      <alignment vertical="top" wrapText="1"/>
    </xf>
    <xf numFmtId="0" fontId="15" fillId="0" borderId="51" xfId="0" applyFont="1" applyBorder="1" applyAlignment="1">
      <alignment vertical="top" wrapText="1"/>
    </xf>
    <xf numFmtId="0" fontId="15" fillId="0" borderId="5" xfId="0" applyFont="1" applyBorder="1" applyAlignment="1">
      <alignment vertical="top" wrapText="1"/>
    </xf>
    <xf numFmtId="0" fontId="15" fillId="0" borderId="4" xfId="0" applyFont="1" applyBorder="1" applyAlignment="1">
      <alignment horizontal="justify" vertical="top" wrapText="1"/>
    </xf>
    <xf numFmtId="0" fontId="15" fillId="0" borderId="1" xfId="0" applyFont="1" applyBorder="1" applyAlignment="1">
      <alignment vertical="top" wrapText="1"/>
    </xf>
    <xf numFmtId="0" fontId="15" fillId="0" borderId="22" xfId="0" applyFont="1" applyBorder="1" applyAlignment="1">
      <alignment vertical="top" wrapText="1"/>
    </xf>
    <xf numFmtId="0" fontId="15" fillId="0" borderId="125" xfId="0" applyFont="1" applyBorder="1" applyAlignment="1">
      <alignment vertical="top" wrapText="1"/>
    </xf>
    <xf numFmtId="0" fontId="15" fillId="0" borderId="112" xfId="0" applyFont="1" applyBorder="1" applyAlignment="1">
      <alignment vertical="top" wrapText="1"/>
    </xf>
    <xf numFmtId="0" fontId="5" fillId="5" borderId="59" xfId="0" applyFont="1" applyFill="1" applyBorder="1" applyAlignment="1">
      <alignment horizontal="justify" vertical="top" wrapText="1"/>
    </xf>
    <xf numFmtId="0" fontId="15" fillId="0" borderId="43" xfId="0" applyFont="1" applyBorder="1" applyAlignment="1">
      <alignment vertical="top" wrapText="1"/>
    </xf>
    <xf numFmtId="0" fontId="15" fillId="0" borderId="54" xfId="0" applyFont="1" applyBorder="1" applyAlignment="1">
      <alignment vertical="top" wrapText="1"/>
    </xf>
    <xf numFmtId="0" fontId="5" fillId="5" borderId="8" xfId="0" applyFont="1" applyFill="1" applyBorder="1" applyAlignment="1">
      <alignment horizontal="justify" vertical="top" wrapText="1"/>
    </xf>
    <xf numFmtId="0" fontId="15" fillId="0" borderId="44" xfId="0" applyFont="1" applyBorder="1" applyAlignment="1">
      <alignment horizontal="justify" vertical="top" wrapText="1"/>
    </xf>
    <xf numFmtId="0" fontId="15" fillId="0" borderId="55" xfId="0" applyFont="1" applyBorder="1" applyAlignment="1">
      <alignment horizontal="justify" vertical="top" wrapText="1"/>
    </xf>
    <xf numFmtId="0" fontId="15" fillId="0" borderId="45" xfId="0" applyFont="1" applyBorder="1" applyAlignment="1">
      <alignment horizontal="justify" vertical="top" wrapText="1"/>
    </xf>
    <xf numFmtId="0" fontId="15" fillId="0" borderId="56" xfId="0" applyFont="1" applyBorder="1" applyAlignment="1">
      <alignment horizontal="justify" vertical="top" wrapText="1"/>
    </xf>
    <xf numFmtId="0" fontId="5" fillId="4" borderId="7" xfId="0" applyFont="1" applyFill="1" applyBorder="1" applyAlignment="1">
      <alignment horizontal="left" vertical="top" wrapText="1"/>
    </xf>
    <xf numFmtId="0" fontId="15" fillId="0" borderId="28" xfId="0" applyFont="1" applyBorder="1" applyAlignment="1">
      <alignment vertical="top" wrapText="1"/>
    </xf>
    <xf numFmtId="0" fontId="5" fillId="5" borderId="1" xfId="0" applyFont="1" applyFill="1" applyBorder="1" applyAlignment="1">
      <alignment vertical="top" wrapText="1"/>
    </xf>
    <xf numFmtId="0" fontId="5" fillId="3" borderId="27" xfId="0" applyFont="1" applyFill="1" applyBorder="1" applyAlignment="1">
      <alignment vertical="top" wrapText="1"/>
    </xf>
    <xf numFmtId="0" fontId="5" fillId="4" borderId="29" xfId="0" applyFont="1" applyFill="1" applyBorder="1" applyAlignment="1">
      <alignment vertical="top" wrapText="1"/>
    </xf>
    <xf numFmtId="0" fontId="5" fillId="4" borderId="40" xfId="0" applyFont="1" applyFill="1" applyBorder="1" applyAlignment="1">
      <alignment vertical="top" wrapText="1"/>
    </xf>
    <xf numFmtId="0" fontId="5" fillId="4" borderId="9" xfId="0" applyFont="1" applyFill="1" applyBorder="1" applyAlignment="1">
      <alignment horizontal="left" vertical="top" wrapText="1"/>
    </xf>
    <xf numFmtId="0" fontId="15" fillId="0" borderId="3" xfId="0" applyFont="1" applyBorder="1" applyAlignment="1">
      <alignment vertical="top" wrapText="1"/>
    </xf>
    <xf numFmtId="0" fontId="15" fillId="0" borderId="40" xfId="0" applyFont="1" applyBorder="1" applyAlignment="1">
      <alignment vertical="top" wrapText="1"/>
    </xf>
    <xf numFmtId="0" fontId="15" fillId="0" borderId="87" xfId="0" applyFont="1" applyBorder="1" applyAlignment="1">
      <alignment vertical="top" wrapText="1"/>
    </xf>
    <xf numFmtId="0" fontId="15" fillId="0" borderId="40" xfId="0" applyFont="1" applyBorder="1" applyAlignment="1">
      <alignment horizontal="justify" vertical="top" wrapText="1"/>
    </xf>
    <xf numFmtId="0" fontId="15" fillId="0" borderId="41" xfId="0" applyFont="1" applyBorder="1" applyAlignment="1">
      <alignment vertical="top" wrapText="1"/>
    </xf>
    <xf numFmtId="0" fontId="5" fillId="7" borderId="23" xfId="0" applyFont="1" applyFill="1" applyBorder="1" applyAlignment="1">
      <alignment horizontal="justify" vertical="top" wrapText="1"/>
    </xf>
    <xf numFmtId="0" fontId="5" fillId="7" borderId="28" xfId="0" applyFont="1" applyFill="1" applyBorder="1" applyAlignment="1">
      <alignment horizontal="justify" vertical="top" wrapText="1"/>
    </xf>
    <xf numFmtId="0" fontId="5" fillId="7" borderId="124" xfId="0" applyFont="1" applyFill="1" applyBorder="1" applyAlignment="1">
      <alignment horizontal="justify" vertical="top" wrapText="1"/>
    </xf>
    <xf numFmtId="0" fontId="5" fillId="7" borderId="55" xfId="0" applyFont="1" applyFill="1" applyBorder="1" applyAlignment="1">
      <alignment horizontal="justify" vertical="top" wrapText="1"/>
    </xf>
    <xf numFmtId="0" fontId="5" fillId="5" borderId="122" xfId="0" applyFont="1" applyFill="1" applyBorder="1" applyAlignment="1">
      <alignment horizontal="justify" vertical="top" wrapText="1"/>
    </xf>
    <xf numFmtId="0" fontId="15" fillId="0" borderId="125" xfId="0" applyFont="1" applyBorder="1" applyAlignment="1">
      <alignment horizontal="justify" vertical="top" wrapText="1"/>
    </xf>
    <xf numFmtId="0" fontId="5" fillId="7" borderId="122" xfId="0" applyFont="1" applyFill="1" applyBorder="1" applyAlignment="1">
      <alignment horizontal="justify" vertical="top" wrapText="1"/>
    </xf>
    <xf numFmtId="0" fontId="5" fillId="7" borderId="43" xfId="0" applyFont="1" applyFill="1" applyBorder="1" applyAlignment="1">
      <alignment horizontal="justify" vertical="top" wrapText="1"/>
    </xf>
    <xf numFmtId="0" fontId="5" fillId="7" borderId="0" xfId="0" applyFont="1" applyFill="1" applyBorder="1" applyAlignment="1">
      <alignment horizontal="justify" vertical="top" wrapText="1"/>
    </xf>
    <xf numFmtId="0" fontId="5" fillId="7" borderId="27" xfId="0" applyFont="1" applyFill="1" applyBorder="1" applyAlignment="1">
      <alignment horizontal="justify" vertical="top" wrapText="1"/>
    </xf>
    <xf numFmtId="0" fontId="5" fillId="5" borderId="104" xfId="0" applyFont="1" applyFill="1" applyBorder="1" applyAlignment="1">
      <alignment horizontal="justify" vertical="top" wrapText="1"/>
    </xf>
    <xf numFmtId="0" fontId="5" fillId="8" borderId="55" xfId="0" applyFont="1" applyFill="1" applyBorder="1" applyAlignment="1">
      <alignment horizontal="justify" vertical="top" wrapText="1"/>
    </xf>
    <xf numFmtId="0" fontId="5" fillId="5" borderId="54" xfId="0" applyFont="1" applyFill="1" applyBorder="1" applyAlignment="1">
      <alignment horizontal="justify" vertical="top" wrapText="1"/>
    </xf>
    <xf numFmtId="0" fontId="5" fillId="8" borderId="54" xfId="0" applyFont="1" applyFill="1" applyBorder="1" applyAlignment="1">
      <alignment horizontal="justify" vertical="top" wrapText="1"/>
    </xf>
    <xf numFmtId="0" fontId="5" fillId="8" borderId="45" xfId="0" applyFont="1" applyFill="1" applyBorder="1" applyAlignment="1">
      <alignment horizontal="justify" vertical="top" wrapText="1"/>
    </xf>
    <xf numFmtId="0" fontId="15" fillId="0" borderId="58" xfId="0" applyFont="1" applyBorder="1" applyAlignment="1">
      <alignment horizontal="justify" vertical="top" wrapText="1"/>
    </xf>
    <xf numFmtId="0" fontId="15" fillId="0" borderId="14" xfId="0" applyFont="1" applyBorder="1" applyAlignment="1">
      <alignment horizontal="justify" vertical="top" wrapText="1"/>
    </xf>
    <xf numFmtId="0" fontId="15" fillId="0" borderId="5" xfId="0" applyFont="1" applyBorder="1" applyAlignment="1">
      <alignment horizontal="justify" vertical="top" wrapText="1"/>
    </xf>
    <xf numFmtId="0" fontId="15" fillId="0" borderId="3" xfId="0" applyFont="1" applyBorder="1" applyAlignment="1">
      <alignment horizontal="justify" vertical="top" wrapText="1"/>
    </xf>
    <xf numFmtId="0" fontId="15" fillId="0" borderId="128" xfId="0" applyFont="1" applyBorder="1" applyAlignment="1">
      <alignment horizontal="justify" vertical="top" wrapText="1"/>
    </xf>
    <xf numFmtId="0" fontId="15" fillId="0" borderId="131" xfId="0" applyFont="1" applyBorder="1" applyAlignment="1">
      <alignment horizontal="justify" vertical="top" wrapText="1"/>
    </xf>
    <xf numFmtId="0" fontId="15" fillId="0" borderId="31" xfId="0" applyFont="1" applyBorder="1" applyAlignment="1">
      <alignment vertical="top" wrapText="1"/>
    </xf>
    <xf numFmtId="0" fontId="15" fillId="0" borderId="55" xfId="0" applyFont="1" applyBorder="1" applyAlignment="1">
      <alignment vertical="top" wrapText="1"/>
    </xf>
    <xf numFmtId="0" fontId="15" fillId="0" borderId="129" xfId="0" applyFont="1" applyBorder="1" applyAlignment="1">
      <alignment horizontal="justify" vertical="top" wrapText="1"/>
    </xf>
    <xf numFmtId="0" fontId="15" fillId="0" borderId="133" xfId="0" applyFont="1" applyBorder="1" applyAlignment="1">
      <alignment horizontal="justify" vertical="top" wrapText="1"/>
    </xf>
    <xf numFmtId="0" fontId="5" fillId="7" borderId="9" xfId="0" applyFont="1" applyFill="1" applyBorder="1" applyAlignment="1">
      <alignment horizontal="justify" vertical="top" wrapText="1"/>
    </xf>
    <xf numFmtId="0" fontId="5" fillId="7" borderId="50" xfId="0" applyFont="1" applyFill="1" applyBorder="1" applyAlignment="1">
      <alignment vertical="top" wrapText="1"/>
    </xf>
    <xf numFmtId="0" fontId="5" fillId="7" borderId="4" xfId="0" applyFont="1" applyFill="1" applyBorder="1" applyAlignment="1">
      <alignment vertical="top" wrapText="1"/>
    </xf>
    <xf numFmtId="0" fontId="5" fillId="0" borderId="1" xfId="0" applyFont="1" applyFill="1" applyBorder="1" applyAlignment="1">
      <alignment vertical="top" wrapText="1"/>
    </xf>
    <xf numFmtId="0" fontId="5" fillId="0" borderId="15" xfId="0" applyFont="1" applyFill="1" applyBorder="1" applyAlignment="1">
      <alignment vertical="top" wrapText="1"/>
    </xf>
    <xf numFmtId="0" fontId="5" fillId="7" borderId="28" xfId="0" applyFont="1" applyFill="1" applyBorder="1" applyAlignment="1">
      <alignment vertical="top" wrapText="1"/>
    </xf>
    <xf numFmtId="0" fontId="5" fillId="7" borderId="40" xfId="0" applyFont="1" applyFill="1" applyBorder="1" applyAlignment="1">
      <alignment vertical="top" wrapText="1"/>
    </xf>
    <xf numFmtId="0" fontId="5" fillId="7" borderId="46" xfId="0" applyFont="1" applyFill="1" applyBorder="1" applyAlignment="1">
      <alignment vertical="top" wrapText="1"/>
    </xf>
    <xf numFmtId="0" fontId="5" fillId="7" borderId="47" xfId="0" applyFont="1" applyFill="1" applyBorder="1" applyAlignment="1">
      <alignment vertical="top" wrapText="1"/>
    </xf>
    <xf numFmtId="0" fontId="5" fillId="7" borderId="60" xfId="0" applyFont="1" applyFill="1" applyBorder="1" applyAlignment="1">
      <alignment horizontal="justify" vertical="top" wrapText="1"/>
    </xf>
    <xf numFmtId="0" fontId="5" fillId="5" borderId="5" xfId="0" applyFont="1" applyFill="1" applyBorder="1" applyAlignment="1">
      <alignment vertical="top" wrapText="1"/>
    </xf>
    <xf numFmtId="0" fontId="5" fillId="5" borderId="7" xfId="0" applyFont="1" applyFill="1" applyBorder="1" applyAlignment="1">
      <alignment horizontal="justify" vertical="top" wrapText="1"/>
    </xf>
    <xf numFmtId="0" fontId="5" fillId="5" borderId="35" xfId="0" applyFont="1" applyFill="1" applyBorder="1" applyAlignment="1">
      <alignment horizontal="justify" vertical="top" wrapText="1"/>
    </xf>
    <xf numFmtId="0" fontId="5" fillId="5" borderId="3" xfId="0" applyFont="1" applyFill="1" applyBorder="1" applyAlignment="1">
      <alignment horizontal="justify" vertical="top" wrapText="1"/>
    </xf>
    <xf numFmtId="0" fontId="5" fillId="7" borderId="58" xfId="0" applyFont="1" applyFill="1" applyBorder="1" applyAlignment="1">
      <alignment horizontal="justify" vertical="top" wrapText="1"/>
    </xf>
    <xf numFmtId="0" fontId="5" fillId="7" borderId="35" xfId="0" applyFont="1" applyFill="1" applyBorder="1" applyAlignment="1">
      <alignment horizontal="justify" vertical="top" wrapText="1"/>
    </xf>
    <xf numFmtId="0" fontId="15" fillId="0" borderId="104" xfId="0" applyFont="1" applyBorder="1" applyAlignment="1">
      <alignment horizontal="justify" vertical="top" wrapText="1"/>
    </xf>
    <xf numFmtId="0" fontId="15" fillId="0" borderId="112" xfId="0" applyFont="1" applyBorder="1" applyAlignment="1">
      <alignment horizontal="justify" vertical="top" wrapText="1"/>
    </xf>
    <xf numFmtId="0" fontId="15" fillId="0" borderId="30" xfId="0" applyFont="1" applyBorder="1" applyAlignment="1">
      <alignment horizontal="justify" vertical="top" wrapText="1"/>
    </xf>
    <xf numFmtId="0" fontId="14" fillId="0" borderId="54" xfId="0" applyFont="1" applyBorder="1">
      <alignment vertical="center"/>
    </xf>
    <xf numFmtId="0" fontId="15" fillId="0" borderId="31" xfId="0" applyFont="1" applyBorder="1" applyAlignment="1">
      <alignment horizontal="justify" vertical="top" wrapText="1"/>
    </xf>
    <xf numFmtId="0" fontId="15" fillId="0" borderId="140" xfId="0" applyFont="1" applyBorder="1" applyAlignment="1">
      <alignment horizontal="justify" vertical="top" wrapText="1"/>
    </xf>
    <xf numFmtId="0" fontId="15" fillId="0" borderId="141" xfId="0" applyFont="1" applyBorder="1" applyAlignment="1">
      <alignment horizontal="justify" vertical="top" wrapText="1"/>
    </xf>
    <xf numFmtId="0" fontId="5" fillId="7" borderId="1" xfId="0" applyFont="1" applyFill="1" applyBorder="1" applyAlignment="1">
      <alignment horizontal="justify" vertical="top" wrapText="1"/>
    </xf>
    <xf numFmtId="0" fontId="5" fillId="7" borderId="4" xfId="0" applyFont="1" applyFill="1" applyBorder="1" applyAlignment="1">
      <alignment horizontal="justify" vertical="top" wrapText="1"/>
    </xf>
    <xf numFmtId="0" fontId="5" fillId="8" borderId="51" xfId="0" applyFont="1" applyFill="1" applyBorder="1" applyAlignment="1">
      <alignment horizontal="justify" vertical="top" wrapText="1"/>
    </xf>
    <xf numFmtId="0" fontId="5" fillId="5" borderId="4" xfId="0" applyFont="1" applyFill="1" applyBorder="1" applyAlignment="1">
      <alignment horizontal="justify" vertical="top" wrapText="1"/>
    </xf>
    <xf numFmtId="0" fontId="5" fillId="0" borderId="52" xfId="0" applyFont="1" applyBorder="1" applyAlignment="1">
      <alignment horizontal="justify" vertical="top" wrapText="1"/>
    </xf>
    <xf numFmtId="0" fontId="5" fillId="0" borderId="50" xfId="0" applyFont="1" applyBorder="1" applyAlignment="1">
      <alignment horizontal="justify" vertical="top" wrapText="1"/>
    </xf>
    <xf numFmtId="0" fontId="5" fillId="0" borderId="15" xfId="0" applyFont="1" applyBorder="1" applyAlignment="1">
      <alignment horizontal="justify" vertical="top" wrapText="1"/>
    </xf>
    <xf numFmtId="0" fontId="5" fillId="0" borderId="0" xfId="0" applyFont="1" applyBorder="1" applyAlignment="1">
      <alignment horizontal="justify" vertical="top" wrapText="1"/>
    </xf>
    <xf numFmtId="0" fontId="5" fillId="0" borderId="81" xfId="0" applyFont="1" applyBorder="1" applyAlignment="1">
      <alignment horizontal="justify" vertical="top" wrapText="1"/>
    </xf>
    <xf numFmtId="0" fontId="5" fillId="0" borderId="11" xfId="0" applyFont="1" applyBorder="1" applyAlignment="1">
      <alignment horizontal="justify" vertical="top" wrapText="1"/>
    </xf>
    <xf numFmtId="0" fontId="5" fillId="0" borderId="82" xfId="0" applyFont="1" applyBorder="1" applyAlignment="1">
      <alignment horizontal="justify" vertical="top" wrapText="1"/>
    </xf>
    <xf numFmtId="0" fontId="5" fillId="4" borderId="0" xfId="0" applyFont="1" applyFill="1" applyBorder="1" applyAlignment="1">
      <alignment horizontal="justify" vertical="top" wrapText="1"/>
    </xf>
    <xf numFmtId="0" fontId="5" fillId="7" borderId="15" xfId="0" applyFont="1" applyFill="1" applyBorder="1" applyAlignment="1">
      <alignment horizontal="justify" vertical="top" wrapText="1"/>
    </xf>
    <xf numFmtId="0" fontId="5" fillId="5" borderId="53" xfId="0" applyFont="1" applyFill="1" applyBorder="1" applyAlignment="1">
      <alignment horizontal="justify" vertical="top" wrapText="1"/>
    </xf>
    <xf numFmtId="0" fontId="5" fillId="7" borderId="50" xfId="0" applyFont="1" applyFill="1" applyBorder="1" applyAlignment="1">
      <alignment horizontal="justify" vertical="top" wrapText="1"/>
    </xf>
    <xf numFmtId="0" fontId="5" fillId="7" borderId="30" xfId="0" applyFont="1" applyFill="1" applyBorder="1" applyAlignment="1">
      <alignment horizontal="justify" vertical="top" wrapText="1"/>
    </xf>
    <xf numFmtId="0" fontId="5" fillId="7" borderId="12" xfId="0" applyFont="1" applyFill="1" applyBorder="1" applyAlignment="1">
      <alignment horizontal="justify" vertical="top" wrapText="1"/>
    </xf>
    <xf numFmtId="0" fontId="5" fillId="7" borderId="54" xfId="0" applyFont="1" applyFill="1" applyBorder="1" applyAlignment="1">
      <alignment horizontal="justify" vertical="top" wrapText="1"/>
    </xf>
    <xf numFmtId="0" fontId="15" fillId="0" borderId="43" xfId="0" applyFont="1" applyBorder="1" applyAlignment="1">
      <alignment horizontal="justify" vertical="top" wrapText="1"/>
    </xf>
    <xf numFmtId="0" fontId="5" fillId="4" borderId="6" xfId="0" applyFont="1" applyFill="1" applyBorder="1" applyAlignment="1">
      <alignment horizontal="justify" vertical="top" wrapText="1"/>
    </xf>
    <xf numFmtId="0" fontId="5" fillId="4" borderId="52" xfId="0" applyFont="1" applyFill="1" applyBorder="1" applyAlignment="1">
      <alignment vertical="top" wrapText="1"/>
    </xf>
    <xf numFmtId="0" fontId="5" fillId="4" borderId="5" xfId="0" applyFont="1" applyFill="1" applyBorder="1" applyAlignment="1">
      <alignment horizontal="justify" vertical="top" wrapText="1"/>
    </xf>
    <xf numFmtId="0" fontId="5" fillId="5" borderId="5" xfId="0" applyFont="1" applyFill="1" applyBorder="1" applyAlignment="1">
      <alignment horizontal="justify" vertical="top" wrapText="1"/>
    </xf>
    <xf numFmtId="0" fontId="5" fillId="5" borderId="23" xfId="0" applyFont="1" applyFill="1" applyBorder="1" applyAlignment="1">
      <alignment horizontal="justify" vertical="top" wrapText="1"/>
    </xf>
    <xf numFmtId="0" fontId="5" fillId="5" borderId="58" xfId="0" applyFont="1" applyFill="1" applyBorder="1" applyAlignment="1">
      <alignment horizontal="justify" vertical="top" wrapText="1"/>
    </xf>
    <xf numFmtId="0" fontId="5" fillId="0" borderId="25" xfId="0" applyFont="1" applyFill="1" applyBorder="1" applyAlignment="1">
      <alignment horizontal="justify" vertical="top" wrapText="1"/>
    </xf>
    <xf numFmtId="0" fontId="5" fillId="8" borderId="49" xfId="0" applyFont="1" applyFill="1" applyBorder="1" applyAlignment="1">
      <alignment horizontal="justify" vertical="top" wrapText="1"/>
    </xf>
    <xf numFmtId="0" fontId="5" fillId="7" borderId="31" xfId="0" applyFont="1" applyFill="1" applyBorder="1" applyAlignment="1">
      <alignment horizontal="justify" vertical="top" wrapText="1"/>
    </xf>
    <xf numFmtId="0" fontId="5" fillId="0" borderId="15" xfId="0" applyFont="1" applyBorder="1" applyAlignment="1">
      <alignment vertical="top" wrapText="1"/>
    </xf>
    <xf numFmtId="0" fontId="5" fillId="0" borderId="0" xfId="0" applyFont="1" applyBorder="1" applyAlignment="1">
      <alignment vertical="top" wrapText="1"/>
    </xf>
    <xf numFmtId="0" fontId="5" fillId="0" borderId="57" xfId="0" applyFont="1" applyBorder="1" applyAlignment="1">
      <alignment vertical="top" wrapText="1"/>
    </xf>
    <xf numFmtId="0" fontId="5" fillId="0" borderId="35" xfId="0" applyFont="1" applyBorder="1" applyAlignment="1">
      <alignment vertical="top" wrapText="1"/>
    </xf>
    <xf numFmtId="0" fontId="4" fillId="2" borderId="18" xfId="0" applyFont="1" applyFill="1" applyBorder="1" applyAlignment="1">
      <alignment horizontal="center" vertical="top" wrapText="1"/>
    </xf>
    <xf numFmtId="0" fontId="4" fillId="2" borderId="19" xfId="0" applyFont="1" applyFill="1" applyBorder="1" applyAlignment="1">
      <alignment horizontal="center" vertical="top" wrapText="1"/>
    </xf>
    <xf numFmtId="0" fontId="5" fillId="0" borderId="81" xfId="0" applyFont="1" applyBorder="1" applyAlignment="1">
      <alignment horizontal="justify" vertical="top" wrapText="1"/>
    </xf>
    <xf numFmtId="0" fontId="5" fillId="0" borderId="11" xfId="0" applyFont="1" applyBorder="1" applyAlignment="1">
      <alignment horizontal="justify" vertical="top" wrapText="1"/>
    </xf>
    <xf numFmtId="0" fontId="5" fillId="0" borderId="82" xfId="0" applyFont="1" applyBorder="1" applyAlignment="1">
      <alignment horizontal="justify" vertical="top" wrapText="1"/>
    </xf>
    <xf numFmtId="0" fontId="5" fillId="0" borderId="15" xfId="0" applyFont="1" applyBorder="1" applyAlignment="1">
      <alignment horizontal="justify" vertical="top" wrapText="1"/>
    </xf>
    <xf numFmtId="0" fontId="5" fillId="0" borderId="0" xfId="0" applyFont="1" applyBorder="1" applyAlignment="1">
      <alignment horizontal="justify" vertical="top" wrapText="1"/>
    </xf>
    <xf numFmtId="0" fontId="5" fillId="0" borderId="57" xfId="0" applyFont="1" applyBorder="1" applyAlignment="1">
      <alignment horizontal="justify" vertical="top" wrapText="1"/>
    </xf>
    <xf numFmtId="0" fontId="5" fillId="0" borderId="35" xfId="0" applyFont="1" applyBorder="1" applyAlignment="1">
      <alignment horizontal="justify" vertical="top" wrapText="1"/>
    </xf>
    <xf numFmtId="0" fontId="5" fillId="0" borderId="52" xfId="0" applyFont="1" applyBorder="1" applyAlignment="1">
      <alignment horizontal="justify" vertical="top" wrapText="1"/>
    </xf>
    <xf numFmtId="0" fontId="5" fillId="0" borderId="6" xfId="0" applyFont="1" applyBorder="1" applyAlignment="1">
      <alignment horizontal="justify" vertical="top" wrapText="1"/>
    </xf>
    <xf numFmtId="0" fontId="5" fillId="0" borderId="13" xfId="0" applyFont="1" applyBorder="1" applyAlignment="1">
      <alignment horizontal="justify" vertical="top" wrapText="1"/>
    </xf>
    <xf numFmtId="0" fontId="5" fillId="0" borderId="23" xfId="0" applyFont="1" applyBorder="1" applyAlignment="1">
      <alignment horizontal="justify" vertical="top" wrapText="1"/>
    </xf>
    <xf numFmtId="0" fontId="5" fillId="0" borderId="17" xfId="0" applyFont="1" applyBorder="1" applyAlignment="1">
      <alignment horizontal="justify" vertical="top" wrapText="1"/>
    </xf>
    <xf numFmtId="0" fontId="5" fillId="0" borderId="52" xfId="0" applyFont="1" applyBorder="1" applyAlignment="1">
      <alignment vertical="top" wrapText="1"/>
    </xf>
    <xf numFmtId="0" fontId="5" fillId="0" borderId="6" xfId="0" applyFont="1" applyBorder="1" applyAlignment="1">
      <alignment vertical="top" wrapText="1"/>
    </xf>
    <xf numFmtId="0" fontId="5" fillId="0" borderId="85" xfId="0" applyFont="1" applyBorder="1" applyAlignment="1">
      <alignment vertical="top" wrapText="1"/>
    </xf>
    <xf numFmtId="0" fontId="5" fillId="0" borderId="91" xfId="0" applyFont="1" applyBorder="1" applyAlignment="1">
      <alignment vertical="top" wrapText="1"/>
    </xf>
    <xf numFmtId="0" fontId="5" fillId="4" borderId="15" xfId="0" applyFont="1" applyFill="1" applyBorder="1" applyAlignment="1">
      <alignment horizontal="justify" vertical="top" wrapText="1"/>
    </xf>
    <xf numFmtId="0" fontId="5" fillId="4" borderId="0" xfId="0" applyFont="1" applyFill="1" applyBorder="1" applyAlignment="1">
      <alignment horizontal="justify" vertical="top" wrapText="1"/>
    </xf>
    <xf numFmtId="0" fontId="15" fillId="0" borderId="121" xfId="0" applyFont="1" applyBorder="1" applyAlignment="1">
      <alignment vertical="top" wrapText="1"/>
    </xf>
    <xf numFmtId="0" fontId="15" fillId="0" borderId="100" xfId="0" applyFont="1" applyBorder="1" applyAlignment="1">
      <alignment vertical="top" wrapText="1"/>
    </xf>
    <xf numFmtId="0" fontId="5" fillId="0" borderId="12" xfId="0" applyFont="1" applyBorder="1" applyAlignment="1">
      <alignment vertical="top" wrapText="1"/>
    </xf>
    <xf numFmtId="0" fontId="5" fillId="0" borderId="0" xfId="0" applyFont="1" applyBorder="1" applyAlignment="1">
      <alignment horizontal="center" vertical="center"/>
    </xf>
    <xf numFmtId="0" fontId="5" fillId="0" borderId="50" xfId="0" applyFont="1" applyBorder="1" applyAlignment="1">
      <alignment horizontal="justify" vertical="top" wrapText="1"/>
    </xf>
    <xf numFmtId="0" fontId="5" fillId="0" borderId="57" xfId="0" applyFont="1" applyBorder="1" applyAlignment="1">
      <alignment horizontal="center" vertical="center" wrapText="1"/>
    </xf>
    <xf numFmtId="0" fontId="5" fillId="0" borderId="35" xfId="0" applyFont="1" applyBorder="1" applyAlignment="1">
      <alignment horizontal="center" vertical="center" wrapText="1"/>
    </xf>
    <xf numFmtId="0" fontId="5" fillId="0" borderId="58" xfId="0" applyFont="1" applyBorder="1" applyAlignment="1">
      <alignment horizontal="center" vertical="center" wrapText="1"/>
    </xf>
    <xf numFmtId="0" fontId="5" fillId="0" borderId="62" xfId="0" applyFont="1" applyBorder="1" applyAlignment="1">
      <alignment vertical="top" wrapText="1"/>
    </xf>
    <xf numFmtId="0" fontId="5" fillId="0" borderId="73" xfId="0" applyFont="1" applyBorder="1" applyAlignment="1">
      <alignment vertical="top" wrapText="1"/>
    </xf>
    <xf numFmtId="0" fontId="5" fillId="0" borderId="62" xfId="0" applyFont="1" applyBorder="1" applyAlignment="1">
      <alignment horizontal="justify" vertical="top" wrapText="1"/>
    </xf>
    <xf numFmtId="0" fontId="5" fillId="0" borderId="63" xfId="0" applyFont="1" applyBorder="1" applyAlignment="1">
      <alignment horizontal="justify" vertical="top"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K776"/>
  <sheetViews>
    <sheetView tabSelected="1" view="pageBreakPreview" zoomScaleNormal="100" zoomScaleSheetLayoutView="100" workbookViewId="0">
      <pane xSplit="3" topLeftCell="D1" activePane="topRight" state="frozen"/>
      <selection pane="topRight" activeCell="D530" sqref="D530"/>
    </sheetView>
  </sheetViews>
  <sheetFormatPr defaultColWidth="9" defaultRowHeight="14.4"/>
  <cols>
    <col min="1" max="1" width="2" style="5" customWidth="1"/>
    <col min="2" max="2" width="14.69921875" style="28" bestFit="1" customWidth="1"/>
    <col min="3" max="5" width="37.5" style="28" customWidth="1"/>
    <col min="6" max="7" width="2.5" style="5" customWidth="1"/>
    <col min="8" max="11" width="37.5" style="29" customWidth="1"/>
    <col min="12" max="12" width="2.69921875" style="5" customWidth="1"/>
    <col min="13" max="16384" width="9" style="5"/>
  </cols>
  <sheetData>
    <row r="1" spans="2:11" ht="21">
      <c r="B1" s="27" t="s">
        <v>497</v>
      </c>
    </row>
    <row r="2" spans="2:11" ht="21">
      <c r="B2" s="27"/>
      <c r="D2" s="301" t="s">
        <v>1003</v>
      </c>
      <c r="E2" s="300" t="s">
        <v>1004</v>
      </c>
    </row>
    <row r="3" spans="2:11" ht="21">
      <c r="B3" s="27"/>
      <c r="D3" s="302"/>
      <c r="E3" s="28" t="s">
        <v>1005</v>
      </c>
    </row>
    <row r="4" spans="2:11" ht="16.2">
      <c r="B4" s="278" t="s">
        <v>157</v>
      </c>
      <c r="D4" s="335"/>
      <c r="E4" s="5" t="s">
        <v>1028</v>
      </c>
    </row>
    <row r="5" spans="2:11" ht="6" customHeight="1" thickBot="1"/>
    <row r="6" spans="2:11" ht="15" customHeight="1" thickTop="1" thickBot="1">
      <c r="B6" s="528" t="s">
        <v>714</v>
      </c>
      <c r="C6" s="529"/>
      <c r="D6" s="85" t="s">
        <v>158</v>
      </c>
      <c r="E6" s="86" t="s">
        <v>1</v>
      </c>
      <c r="H6" s="257" t="s">
        <v>274</v>
      </c>
      <c r="I6" s="85" t="s">
        <v>275</v>
      </c>
      <c r="J6" s="87" t="s">
        <v>276</v>
      </c>
      <c r="K6" s="86" t="s">
        <v>277</v>
      </c>
    </row>
    <row r="7" spans="2:11" ht="42.75" customHeight="1">
      <c r="B7" s="533" t="s">
        <v>792</v>
      </c>
      <c r="C7" s="534"/>
      <c r="D7" s="11" t="s">
        <v>2</v>
      </c>
      <c r="E7" s="13"/>
      <c r="H7" s="252" t="s">
        <v>283</v>
      </c>
      <c r="I7" s="11" t="s">
        <v>1001</v>
      </c>
      <c r="J7" s="22"/>
      <c r="K7" s="6"/>
    </row>
    <row r="8" spans="2:11" ht="30.75" customHeight="1">
      <c r="B8" s="267" t="s">
        <v>3</v>
      </c>
      <c r="C8" s="291" t="s">
        <v>4</v>
      </c>
      <c r="D8" s="2" t="s">
        <v>5</v>
      </c>
      <c r="E8" s="299" t="s">
        <v>6</v>
      </c>
      <c r="H8" s="292" t="s">
        <v>297</v>
      </c>
      <c r="I8" s="2" t="s">
        <v>364</v>
      </c>
      <c r="J8" s="43"/>
      <c r="K8" s="52"/>
    </row>
    <row r="9" spans="2:11" ht="19.2">
      <c r="B9" s="252"/>
      <c r="C9" s="17"/>
      <c r="D9" s="11"/>
      <c r="E9" s="6"/>
      <c r="H9" s="252"/>
      <c r="I9" s="11"/>
      <c r="J9" s="304" t="s">
        <v>1026</v>
      </c>
      <c r="K9" s="6"/>
    </row>
    <row r="10" spans="2:11" ht="19.2">
      <c r="B10" s="54" t="s">
        <v>7</v>
      </c>
      <c r="C10" s="16" t="s">
        <v>251</v>
      </c>
      <c r="D10" s="2"/>
      <c r="E10" s="55" t="s">
        <v>377</v>
      </c>
      <c r="H10" s="267" t="s">
        <v>785</v>
      </c>
      <c r="I10" s="2" t="s">
        <v>379</v>
      </c>
      <c r="J10" s="43"/>
      <c r="K10" s="52"/>
    </row>
    <row r="11" spans="2:11" ht="52.5" customHeight="1">
      <c r="B11" s="250"/>
      <c r="C11" s="17"/>
      <c r="D11" s="11"/>
      <c r="E11" s="272" t="s">
        <v>382</v>
      </c>
      <c r="H11" s="252"/>
      <c r="I11" s="11" t="s">
        <v>1000</v>
      </c>
      <c r="J11" s="22"/>
      <c r="K11" s="6"/>
    </row>
    <row r="12" spans="2:11" ht="19.2">
      <c r="B12" s="250"/>
      <c r="C12" s="17"/>
      <c r="D12" s="11"/>
      <c r="E12" s="285" t="s">
        <v>381</v>
      </c>
      <c r="H12" s="252"/>
      <c r="I12" s="286" t="s">
        <v>380</v>
      </c>
      <c r="J12" s="22"/>
      <c r="K12" s="6"/>
    </row>
    <row r="13" spans="2:11" ht="48">
      <c r="B13" s="250"/>
      <c r="C13" s="289" t="s">
        <v>248</v>
      </c>
      <c r="D13" s="25"/>
      <c r="E13" s="287" t="s">
        <v>378</v>
      </c>
      <c r="H13" s="290" t="s">
        <v>284</v>
      </c>
      <c r="I13" s="288" t="s">
        <v>362</v>
      </c>
      <c r="J13" s="44" t="s">
        <v>749</v>
      </c>
      <c r="K13" s="306" t="s">
        <v>1008</v>
      </c>
    </row>
    <row r="14" spans="2:11" ht="76.8">
      <c r="B14" s="250"/>
      <c r="C14" s="17"/>
      <c r="D14" s="11"/>
      <c r="E14" s="272"/>
      <c r="H14" s="252"/>
      <c r="I14" s="11"/>
      <c r="J14" s="22"/>
      <c r="K14" s="305" t="s">
        <v>1007</v>
      </c>
    </row>
    <row r="15" spans="2:11" ht="38.4">
      <c r="B15" s="250"/>
      <c r="C15" s="17"/>
      <c r="D15" s="11"/>
      <c r="E15" s="272"/>
      <c r="H15" s="252"/>
      <c r="I15" s="11"/>
      <c r="J15" s="304" t="s">
        <v>786</v>
      </c>
      <c r="K15" s="6"/>
    </row>
    <row r="16" spans="2:11" ht="94.5" customHeight="1">
      <c r="B16" s="250"/>
      <c r="C16" s="17"/>
      <c r="D16" s="11"/>
      <c r="E16" s="272"/>
      <c r="H16" s="252"/>
      <c r="I16" s="11"/>
      <c r="J16" s="304" t="s">
        <v>1006</v>
      </c>
      <c r="K16" s="6"/>
    </row>
    <row r="17" spans="2:11" ht="28.8">
      <c r="B17" s="250"/>
      <c r="C17" s="289" t="s">
        <v>249</v>
      </c>
      <c r="D17" s="25"/>
      <c r="E17" s="56"/>
      <c r="H17" s="290" t="s">
        <v>285</v>
      </c>
      <c r="I17" s="240" t="s">
        <v>363</v>
      </c>
      <c r="J17" s="44"/>
      <c r="K17" s="68"/>
    </row>
    <row r="18" spans="2:11" ht="19.2">
      <c r="B18" s="250"/>
      <c r="C18" s="293" t="s">
        <v>250</v>
      </c>
      <c r="D18" s="26"/>
      <c r="E18" s="57"/>
      <c r="H18" s="294" t="s">
        <v>286</v>
      </c>
      <c r="I18" s="296" t="s">
        <v>368</v>
      </c>
      <c r="J18" s="45"/>
      <c r="K18" s="70"/>
    </row>
    <row r="19" spans="2:11" ht="28.8">
      <c r="B19" s="263"/>
      <c r="C19" s="18"/>
      <c r="D19" s="12"/>
      <c r="E19" s="58"/>
      <c r="H19" s="258"/>
      <c r="I19" s="12"/>
      <c r="J19" s="20"/>
      <c r="K19" s="53" t="s">
        <v>498</v>
      </c>
    </row>
    <row r="20" spans="2:11" ht="19.2">
      <c r="B20" s="54" t="s">
        <v>8</v>
      </c>
      <c r="C20" s="16" t="s">
        <v>9</v>
      </c>
      <c r="D20" s="2"/>
      <c r="E20" s="55"/>
      <c r="H20" s="252" t="s">
        <v>298</v>
      </c>
      <c r="I20" s="11" t="s">
        <v>365</v>
      </c>
      <c r="J20" s="22"/>
      <c r="K20" s="6"/>
    </row>
    <row r="21" spans="2:11" ht="50.25" customHeight="1">
      <c r="B21" s="250"/>
      <c r="C21" s="289" t="s">
        <v>159</v>
      </c>
      <c r="D21" s="25"/>
      <c r="E21" s="56"/>
      <c r="H21" s="290" t="s">
        <v>287</v>
      </c>
      <c r="I21" s="295" t="s">
        <v>1002</v>
      </c>
      <c r="J21" s="241"/>
      <c r="K21" s="68"/>
    </row>
    <row r="22" spans="2:11" ht="48">
      <c r="B22" s="250"/>
      <c r="C22" s="17"/>
      <c r="D22" s="11"/>
      <c r="E22" s="272"/>
      <c r="H22" s="252"/>
      <c r="I22" s="242"/>
      <c r="J22" s="243"/>
      <c r="K22" s="306" t="s">
        <v>1009</v>
      </c>
    </row>
    <row r="23" spans="2:11" ht="76.8">
      <c r="B23" s="250"/>
      <c r="C23" s="17"/>
      <c r="D23" s="11"/>
      <c r="E23" s="272"/>
      <c r="H23" s="252"/>
      <c r="I23" s="11"/>
      <c r="J23" s="22"/>
      <c r="K23" s="305" t="s">
        <v>1010</v>
      </c>
    </row>
    <row r="24" spans="2:11" ht="38.4">
      <c r="B24" s="250"/>
      <c r="C24" s="17"/>
      <c r="D24" s="11"/>
      <c r="E24" s="272"/>
      <c r="H24" s="252"/>
      <c r="I24" s="11"/>
      <c r="J24" s="304" t="s">
        <v>786</v>
      </c>
      <c r="K24" s="6"/>
    </row>
    <row r="25" spans="2:11" ht="91.5" customHeight="1">
      <c r="B25" s="250"/>
      <c r="C25" s="17"/>
      <c r="D25" s="11"/>
      <c r="E25" s="272"/>
      <c r="H25" s="252"/>
      <c r="I25" s="11"/>
      <c r="J25" s="304" t="s">
        <v>1011</v>
      </c>
      <c r="K25" s="6"/>
    </row>
    <row r="26" spans="2:11" ht="29.4" thickBot="1">
      <c r="B26" s="263"/>
      <c r="C26" s="297" t="s">
        <v>160</v>
      </c>
      <c r="D26" s="38" t="s">
        <v>10</v>
      </c>
      <c r="E26" s="59"/>
      <c r="H26" s="298" t="s">
        <v>288</v>
      </c>
      <c r="I26" s="51" t="s">
        <v>369</v>
      </c>
      <c r="J26" s="46"/>
      <c r="K26" s="72"/>
    </row>
    <row r="27" spans="2:11" ht="115.2">
      <c r="B27" s="552" t="s">
        <v>11</v>
      </c>
      <c r="C27" s="540"/>
      <c r="D27" s="9" t="s">
        <v>12</v>
      </c>
      <c r="E27" s="52"/>
      <c r="H27" s="267" t="s">
        <v>291</v>
      </c>
      <c r="I27" s="2"/>
      <c r="J27" s="43"/>
      <c r="K27" s="52"/>
    </row>
    <row r="28" spans="2:11">
      <c r="B28" s="250"/>
      <c r="C28" s="251"/>
      <c r="D28" s="10"/>
      <c r="E28" s="272" t="s">
        <v>383</v>
      </c>
      <c r="H28" s="250"/>
      <c r="I28" s="10"/>
      <c r="J28" s="23"/>
      <c r="K28" s="272"/>
    </row>
    <row r="29" spans="2:11" ht="19.2">
      <c r="B29" s="250"/>
      <c r="C29" s="251"/>
      <c r="D29" s="10"/>
      <c r="E29" s="303" t="s">
        <v>384</v>
      </c>
      <c r="H29" s="250"/>
      <c r="I29" s="10"/>
      <c r="J29" s="23"/>
      <c r="K29" s="272"/>
    </row>
    <row r="30" spans="2:11" ht="19.2">
      <c r="B30" s="250"/>
      <c r="C30" s="251"/>
      <c r="D30" s="10"/>
      <c r="E30" s="285" t="s">
        <v>385</v>
      </c>
      <c r="H30" s="250"/>
      <c r="I30" s="10"/>
      <c r="J30" s="23"/>
      <c r="K30" s="285" t="s">
        <v>539</v>
      </c>
    </row>
    <row r="31" spans="2:11" ht="19.2">
      <c r="B31" s="250"/>
      <c r="C31" s="251"/>
      <c r="D31" s="10"/>
      <c r="E31" s="272" t="s">
        <v>386</v>
      </c>
      <c r="H31" s="250"/>
      <c r="I31" s="10"/>
      <c r="J31" s="23"/>
      <c r="K31" s="272"/>
    </row>
    <row r="32" spans="2:11" ht="28.8">
      <c r="B32" s="250"/>
      <c r="C32" s="251"/>
      <c r="D32" s="10"/>
      <c r="E32" s="303" t="s">
        <v>787</v>
      </c>
      <c r="H32" s="250"/>
      <c r="I32" s="10"/>
      <c r="J32" s="23"/>
      <c r="K32" s="272"/>
    </row>
    <row r="33" spans="2:11" ht="38.4">
      <c r="B33" s="250"/>
      <c r="C33" s="251"/>
      <c r="D33" s="10"/>
      <c r="E33" s="272"/>
      <c r="H33" s="250"/>
      <c r="I33" s="10"/>
      <c r="J33" s="304" t="s">
        <v>538</v>
      </c>
      <c r="K33" s="272"/>
    </row>
    <row r="34" spans="2:11" ht="26.25" customHeight="1">
      <c r="B34" s="263"/>
      <c r="C34" s="264"/>
      <c r="D34" s="4"/>
      <c r="E34" s="58"/>
      <c r="H34" s="250"/>
      <c r="I34" s="10"/>
      <c r="J34" s="304" t="s">
        <v>1012</v>
      </c>
      <c r="K34" s="272"/>
    </row>
    <row r="35" spans="2:11" ht="134.4">
      <c r="B35" s="267" t="s">
        <v>13</v>
      </c>
      <c r="C35" s="291" t="s">
        <v>14</v>
      </c>
      <c r="D35" s="2"/>
      <c r="E35" s="307" t="s">
        <v>15</v>
      </c>
      <c r="H35" s="267" t="s">
        <v>1017</v>
      </c>
      <c r="I35" s="308" t="s">
        <v>1013</v>
      </c>
      <c r="J35" s="43"/>
      <c r="K35" s="52"/>
    </row>
    <row r="36" spans="2:11" ht="144">
      <c r="B36" s="270" t="s">
        <v>16</v>
      </c>
      <c r="C36" s="309" t="s">
        <v>17</v>
      </c>
      <c r="D36" s="1"/>
      <c r="E36" s="60"/>
      <c r="H36" s="322" t="s">
        <v>1015</v>
      </c>
      <c r="I36" s="310" t="s">
        <v>1016</v>
      </c>
      <c r="J36" s="47"/>
      <c r="K36" s="60"/>
    </row>
    <row r="37" spans="2:11" ht="28.8">
      <c r="B37" s="524" t="s">
        <v>8</v>
      </c>
      <c r="C37" s="17" t="s">
        <v>9</v>
      </c>
      <c r="D37" s="11"/>
      <c r="E37" s="6" t="s">
        <v>20</v>
      </c>
      <c r="H37" s="252" t="s">
        <v>316</v>
      </c>
      <c r="I37" s="11" t="s">
        <v>365</v>
      </c>
      <c r="J37" s="22"/>
      <c r="K37" s="6"/>
    </row>
    <row r="38" spans="2:11" ht="19.2">
      <c r="B38" s="524"/>
      <c r="C38" s="17"/>
      <c r="D38" s="311" t="s">
        <v>788</v>
      </c>
      <c r="E38" s="6"/>
      <c r="H38" s="252"/>
      <c r="I38" s="11"/>
      <c r="J38" s="22"/>
      <c r="K38" s="6"/>
    </row>
    <row r="39" spans="2:11" ht="28.8">
      <c r="B39" s="524"/>
      <c r="C39" s="312" t="s">
        <v>18</v>
      </c>
      <c r="D39" s="39"/>
      <c r="E39" s="314" t="s">
        <v>161</v>
      </c>
      <c r="H39" s="313" t="s">
        <v>317</v>
      </c>
      <c r="I39" s="315" t="s">
        <v>366</v>
      </c>
      <c r="J39" s="48"/>
      <c r="K39" s="61"/>
    </row>
    <row r="40" spans="2:11" ht="28.8">
      <c r="B40" s="524"/>
      <c r="C40" s="318" t="s">
        <v>19</v>
      </c>
      <c r="D40" s="40" t="s">
        <v>790</v>
      </c>
      <c r="E40" s="316" t="s">
        <v>162</v>
      </c>
      <c r="H40" s="319" t="s">
        <v>318</v>
      </c>
      <c r="I40" s="317" t="s">
        <v>367</v>
      </c>
      <c r="J40" s="49"/>
      <c r="K40" s="62"/>
    </row>
    <row r="41" spans="2:11" ht="182.4">
      <c r="B41" s="524"/>
      <c r="C41" s="320" t="s">
        <v>163</v>
      </c>
      <c r="D41" s="11"/>
      <c r="E41" s="6"/>
      <c r="H41" s="252" t="s">
        <v>1018</v>
      </c>
      <c r="I41" s="321" t="s">
        <v>1014</v>
      </c>
      <c r="J41" s="22"/>
      <c r="K41" s="6"/>
    </row>
    <row r="42" spans="2:11" ht="28.8">
      <c r="B42" s="250"/>
      <c r="C42" s="17"/>
      <c r="D42" s="11"/>
      <c r="E42" s="323" t="s">
        <v>791</v>
      </c>
      <c r="H42" s="252"/>
      <c r="I42" s="286" t="s">
        <v>985</v>
      </c>
      <c r="J42" s="22"/>
      <c r="K42" s="6"/>
    </row>
    <row r="43" spans="2:11" ht="19.2">
      <c r="B43" s="250"/>
      <c r="C43" s="17"/>
      <c r="D43" s="321" t="s">
        <v>789</v>
      </c>
      <c r="E43" s="6"/>
      <c r="H43" s="252"/>
      <c r="I43" s="11"/>
      <c r="J43" s="324" t="s">
        <v>540</v>
      </c>
      <c r="K43" s="6"/>
    </row>
    <row r="44" spans="2:11" ht="28.8">
      <c r="B44" s="250"/>
      <c r="C44" s="17"/>
      <c r="D44" s="11"/>
      <c r="E44" s="6"/>
      <c r="H44" s="252"/>
      <c r="I44" s="11"/>
      <c r="J44" s="304" t="s">
        <v>1020</v>
      </c>
      <c r="K44" s="6"/>
    </row>
    <row r="45" spans="2:11" ht="45" customHeight="1">
      <c r="B45" s="250"/>
      <c r="C45" s="17"/>
      <c r="D45" s="11"/>
      <c r="E45" s="6"/>
      <c r="H45" s="252"/>
      <c r="I45" s="11"/>
      <c r="J45" s="304" t="s">
        <v>1019</v>
      </c>
      <c r="K45" s="6"/>
    </row>
    <row r="46" spans="2:11" ht="28.8">
      <c r="B46" s="250"/>
      <c r="C46" s="17"/>
      <c r="D46" s="11"/>
      <c r="E46" s="6"/>
      <c r="H46" s="252"/>
      <c r="I46" s="11"/>
      <c r="J46" s="22"/>
      <c r="K46" s="305" t="s">
        <v>541</v>
      </c>
    </row>
    <row r="47" spans="2:11" ht="28.8">
      <c r="B47" s="250"/>
      <c r="C47" s="17"/>
      <c r="D47" s="11"/>
      <c r="E47" s="6"/>
      <c r="H47" s="252"/>
      <c r="I47" s="11"/>
      <c r="J47" s="22"/>
      <c r="K47" s="305" t="s">
        <v>542</v>
      </c>
    </row>
    <row r="48" spans="2:11" ht="19.2">
      <c r="B48" s="250"/>
      <c r="C48" s="17"/>
      <c r="D48" s="11"/>
      <c r="E48" s="6"/>
      <c r="H48" s="252"/>
      <c r="I48" s="11"/>
      <c r="J48" s="22"/>
      <c r="K48" s="305" t="s">
        <v>1022</v>
      </c>
    </row>
    <row r="49" spans="2:11" ht="28.8">
      <c r="B49" s="263"/>
      <c r="C49" s="18"/>
      <c r="D49" s="12"/>
      <c r="E49" s="53"/>
      <c r="H49" s="258"/>
      <c r="I49" s="12"/>
      <c r="J49" s="20" t="s">
        <v>499</v>
      </c>
      <c r="K49" s="325" t="s">
        <v>1021</v>
      </c>
    </row>
    <row r="50" spans="2:11" ht="31.5" customHeight="1">
      <c r="B50" s="54" t="s">
        <v>21</v>
      </c>
      <c r="C50" s="16" t="s">
        <v>22</v>
      </c>
      <c r="D50" s="3"/>
      <c r="E50" s="55"/>
      <c r="H50" s="54" t="s">
        <v>387</v>
      </c>
      <c r="I50" s="3"/>
      <c r="J50" s="24"/>
      <c r="K50" s="55"/>
    </row>
    <row r="51" spans="2:11">
      <c r="B51" s="250"/>
      <c r="C51" s="312" t="s">
        <v>282</v>
      </c>
      <c r="D51" s="41"/>
      <c r="E51" s="63"/>
      <c r="H51" s="244" t="s">
        <v>986</v>
      </c>
      <c r="I51" s="245"/>
      <c r="J51" s="246"/>
      <c r="K51" s="247"/>
    </row>
    <row r="52" spans="2:11" ht="144">
      <c r="B52" s="263"/>
      <c r="C52" s="326" t="s">
        <v>345</v>
      </c>
      <c r="D52" s="42"/>
      <c r="E52" s="64"/>
      <c r="H52" s="327" t="s">
        <v>1023</v>
      </c>
      <c r="I52" s="328" t="s">
        <v>1024</v>
      </c>
      <c r="J52" s="50"/>
      <c r="K52" s="64"/>
    </row>
    <row r="53" spans="2:11" ht="38.4">
      <c r="B53" s="252" t="s">
        <v>23</v>
      </c>
      <c r="C53" s="320" t="s">
        <v>24</v>
      </c>
      <c r="D53" s="11"/>
      <c r="E53" s="6"/>
      <c r="H53" s="252"/>
      <c r="I53" s="11"/>
      <c r="J53" s="324" t="s">
        <v>1027</v>
      </c>
      <c r="K53" s="6"/>
    </row>
    <row r="54" spans="2:11" ht="48">
      <c r="B54" s="252"/>
      <c r="C54" s="17"/>
      <c r="D54" s="11"/>
      <c r="E54" s="6"/>
      <c r="H54" s="252"/>
      <c r="I54" s="11"/>
      <c r="J54" s="22"/>
      <c r="K54" s="305" t="s">
        <v>543</v>
      </c>
    </row>
    <row r="55" spans="2:11" ht="38.4">
      <c r="B55" s="258"/>
      <c r="C55" s="18"/>
      <c r="D55" s="12"/>
      <c r="E55" s="53"/>
      <c r="H55" s="258"/>
      <c r="I55" s="12"/>
      <c r="J55" s="20"/>
      <c r="K55" s="325" t="s">
        <v>1025</v>
      </c>
    </row>
    <row r="56" spans="2:11" ht="59.25" customHeight="1" thickBot="1">
      <c r="B56" s="558" t="s">
        <v>319</v>
      </c>
      <c r="C56" s="559"/>
      <c r="D56" s="65" t="s">
        <v>236</v>
      </c>
      <c r="E56" s="66"/>
      <c r="H56" s="268" t="s">
        <v>236</v>
      </c>
      <c r="I56" s="65" t="s">
        <v>236</v>
      </c>
      <c r="J56" s="75" t="s">
        <v>236</v>
      </c>
      <c r="K56" s="66" t="s">
        <v>236</v>
      </c>
    </row>
    <row r="57" spans="2:11" ht="15" thickTop="1">
      <c r="B57" s="30"/>
    </row>
    <row r="58" spans="2:11" ht="16.2">
      <c r="B58" s="278" t="s">
        <v>231</v>
      </c>
    </row>
    <row r="59" spans="2:11" ht="6" customHeight="1" thickBot="1"/>
    <row r="60" spans="2:11" ht="15" customHeight="1" thickTop="1" thickBot="1">
      <c r="B60" s="528" t="s">
        <v>0</v>
      </c>
      <c r="C60" s="529"/>
      <c r="D60" s="85" t="s">
        <v>158</v>
      </c>
      <c r="E60" s="86" t="s">
        <v>1</v>
      </c>
      <c r="H60" s="128" t="s">
        <v>274</v>
      </c>
      <c r="I60" s="82" t="s">
        <v>275</v>
      </c>
      <c r="J60" s="83" t="s">
        <v>276</v>
      </c>
      <c r="K60" s="84" t="s">
        <v>277</v>
      </c>
    </row>
    <row r="61" spans="2:11" ht="42.75" customHeight="1">
      <c r="B61" s="533" t="s">
        <v>25</v>
      </c>
      <c r="C61" s="534"/>
      <c r="D61" s="11" t="s">
        <v>237</v>
      </c>
      <c r="E61" s="13"/>
      <c r="H61" s="79" t="s">
        <v>299</v>
      </c>
      <c r="I61" s="9" t="s">
        <v>1029</v>
      </c>
      <c r="J61" s="21"/>
      <c r="K61" s="80"/>
    </row>
    <row r="62" spans="2:11" ht="76.8">
      <c r="B62" s="267" t="s">
        <v>26</v>
      </c>
      <c r="C62" s="291" t="s">
        <v>164</v>
      </c>
      <c r="D62" s="76"/>
      <c r="E62" s="307" t="s">
        <v>165</v>
      </c>
      <c r="H62" s="292" t="s">
        <v>310</v>
      </c>
      <c r="I62" s="308" t="s">
        <v>1030</v>
      </c>
      <c r="J62" s="336" t="s">
        <v>987</v>
      </c>
      <c r="K62" s="307" t="s">
        <v>988</v>
      </c>
    </row>
    <row r="63" spans="2:11" ht="113.25" customHeight="1">
      <c r="B63" s="267" t="s">
        <v>27</v>
      </c>
      <c r="C63" s="291" t="s">
        <v>989</v>
      </c>
      <c r="D63" s="2"/>
      <c r="E63" s="299" t="s">
        <v>28</v>
      </c>
      <c r="H63" s="267" t="s">
        <v>1031</v>
      </c>
      <c r="I63" s="340" t="s">
        <v>1033</v>
      </c>
      <c r="J63" s="2"/>
      <c r="K63" s="337" t="s">
        <v>1034</v>
      </c>
    </row>
    <row r="64" spans="2:11" ht="57.6">
      <c r="B64" s="282"/>
      <c r="C64" s="17"/>
      <c r="D64" s="11"/>
      <c r="E64" s="6"/>
      <c r="H64" s="338" t="s">
        <v>1032</v>
      </c>
      <c r="I64" s="11"/>
      <c r="J64" s="324" t="s">
        <v>990</v>
      </c>
      <c r="K64" s="147"/>
    </row>
    <row r="65" spans="2:11" ht="19.2">
      <c r="B65" s="252"/>
      <c r="C65" s="17"/>
      <c r="D65" s="311" t="s">
        <v>827</v>
      </c>
      <c r="E65" s="6"/>
      <c r="H65" s="258"/>
      <c r="I65" s="12"/>
      <c r="J65" s="20"/>
      <c r="K65" s="274"/>
    </row>
    <row r="66" spans="2:11" ht="76.8">
      <c r="B66" s="267" t="s">
        <v>29</v>
      </c>
      <c r="C66" s="291" t="s">
        <v>166</v>
      </c>
      <c r="D66" s="2"/>
      <c r="E66" s="52"/>
      <c r="H66" s="338" t="s">
        <v>311</v>
      </c>
      <c r="I66" s="11" t="s">
        <v>1035</v>
      </c>
      <c r="J66" s="324" t="s">
        <v>991</v>
      </c>
      <c r="K66" s="305" t="s">
        <v>992</v>
      </c>
    </row>
    <row r="67" spans="2:11" ht="28.8">
      <c r="B67" s="267" t="s">
        <v>30</v>
      </c>
      <c r="C67" s="291" t="s">
        <v>31</v>
      </c>
      <c r="D67" s="2"/>
      <c r="E67" s="52"/>
      <c r="H67" s="270"/>
      <c r="I67" s="1"/>
      <c r="J67" s="47"/>
      <c r="K67" s="339" t="s">
        <v>793</v>
      </c>
    </row>
    <row r="68" spans="2:11" ht="47.25" customHeight="1">
      <c r="B68" s="267" t="s">
        <v>290</v>
      </c>
      <c r="C68" s="291" t="s">
        <v>289</v>
      </c>
      <c r="D68" s="340" t="s">
        <v>1037</v>
      </c>
      <c r="E68" s="307" t="s">
        <v>167</v>
      </c>
      <c r="H68" s="267"/>
      <c r="I68" s="308" t="s">
        <v>1036</v>
      </c>
      <c r="J68" s="43"/>
      <c r="K68" s="52" t="s">
        <v>828</v>
      </c>
    </row>
    <row r="69" spans="2:11" ht="38.4">
      <c r="B69" s="252"/>
      <c r="C69" s="17"/>
      <c r="D69" s="321" t="s">
        <v>414</v>
      </c>
      <c r="E69" s="6"/>
      <c r="H69" s="252"/>
      <c r="I69" s="11"/>
      <c r="J69" s="324" t="s">
        <v>824</v>
      </c>
      <c r="K69" s="6"/>
    </row>
    <row r="70" spans="2:11" ht="19.2">
      <c r="B70" s="252"/>
      <c r="C70" s="17"/>
      <c r="D70" s="11"/>
      <c r="E70" s="6"/>
      <c r="H70" s="252"/>
      <c r="I70" s="11"/>
      <c r="J70" s="22"/>
      <c r="K70" s="305" t="s">
        <v>1038</v>
      </c>
    </row>
    <row r="71" spans="2:11" ht="28.8">
      <c r="B71" s="250"/>
      <c r="C71" s="17"/>
      <c r="D71" s="321" t="s">
        <v>415</v>
      </c>
      <c r="E71" s="272"/>
      <c r="H71" s="252"/>
      <c r="I71" s="11"/>
      <c r="J71" s="324" t="s">
        <v>751</v>
      </c>
      <c r="K71" s="6"/>
    </row>
    <row r="72" spans="2:11" ht="19.2">
      <c r="B72" s="250"/>
      <c r="C72" s="17"/>
      <c r="D72" s="321" t="s">
        <v>1039</v>
      </c>
      <c r="E72" s="272"/>
      <c r="H72" s="252"/>
      <c r="I72" s="11"/>
      <c r="J72" s="324" t="s">
        <v>752</v>
      </c>
      <c r="K72" s="6"/>
    </row>
    <row r="73" spans="2:11" ht="19.2">
      <c r="B73" s="250"/>
      <c r="C73" s="17"/>
      <c r="D73" s="321" t="s">
        <v>750</v>
      </c>
      <c r="E73" s="272"/>
      <c r="H73" s="252"/>
      <c r="I73" s="11"/>
      <c r="J73" s="22"/>
      <c r="K73" s="341" t="s">
        <v>815</v>
      </c>
    </row>
    <row r="74" spans="2:11" ht="57.6">
      <c r="B74" s="250"/>
      <c r="C74" s="17"/>
      <c r="D74" s="11"/>
      <c r="E74" s="272"/>
      <c r="H74" s="252"/>
      <c r="I74" s="11"/>
      <c r="J74" s="22"/>
      <c r="K74" s="305" t="s">
        <v>1040</v>
      </c>
    </row>
    <row r="75" spans="2:11" ht="101.25" customHeight="1">
      <c r="B75" s="263"/>
      <c r="C75" s="18"/>
      <c r="D75" s="12"/>
      <c r="E75" s="58"/>
      <c r="H75" s="258"/>
      <c r="I75" s="12"/>
      <c r="J75" s="342" t="s">
        <v>1041</v>
      </c>
      <c r="K75" s="53"/>
    </row>
    <row r="76" spans="2:11" ht="19.2">
      <c r="B76" s="258" t="s">
        <v>33</v>
      </c>
      <c r="C76" s="343" t="s">
        <v>4</v>
      </c>
      <c r="D76" s="12" t="s">
        <v>5</v>
      </c>
      <c r="E76" s="53"/>
      <c r="H76" s="338" t="s">
        <v>300</v>
      </c>
      <c r="I76" s="321" t="s">
        <v>330</v>
      </c>
      <c r="J76" s="22"/>
      <c r="K76" s="6"/>
    </row>
    <row r="77" spans="2:11" ht="28.8">
      <c r="B77" s="258" t="s">
        <v>34</v>
      </c>
      <c r="C77" s="343" t="s">
        <v>170</v>
      </c>
      <c r="D77" s="12"/>
      <c r="E77" s="53"/>
      <c r="H77" s="322" t="s">
        <v>301</v>
      </c>
      <c r="I77" s="310" t="s">
        <v>331</v>
      </c>
      <c r="J77" s="47"/>
      <c r="K77" s="60"/>
    </row>
    <row r="78" spans="2:11" ht="38.4">
      <c r="B78" s="252" t="s">
        <v>35</v>
      </c>
      <c r="C78" s="320" t="s">
        <v>36</v>
      </c>
      <c r="D78" s="321" t="s">
        <v>795</v>
      </c>
      <c r="E78" s="6"/>
      <c r="H78" s="252"/>
      <c r="I78" s="11"/>
      <c r="J78" s="324" t="s">
        <v>796</v>
      </c>
      <c r="K78" s="6"/>
    </row>
    <row r="79" spans="2:11" ht="19.2">
      <c r="B79" s="252"/>
      <c r="C79" s="17"/>
      <c r="D79" s="311" t="s">
        <v>794</v>
      </c>
      <c r="E79" s="6"/>
      <c r="H79" s="252"/>
      <c r="I79" s="11"/>
      <c r="J79" s="22"/>
      <c r="K79" s="6"/>
    </row>
    <row r="80" spans="2:11" ht="29.4" thickBot="1">
      <c r="B80" s="77"/>
      <c r="C80" s="78"/>
      <c r="D80" s="15"/>
      <c r="E80" s="7"/>
      <c r="H80" s="14"/>
      <c r="I80" s="15"/>
      <c r="J80" s="344" t="s">
        <v>1042</v>
      </c>
      <c r="K80" s="7"/>
    </row>
    <row r="81" spans="2:11" ht="15" thickTop="1">
      <c r="B81" s="30"/>
    </row>
    <row r="82" spans="2:11" ht="16.2">
      <c r="B82" s="278" t="s">
        <v>232</v>
      </c>
    </row>
    <row r="83" spans="2:11" ht="6.75" customHeight="1" thickBot="1"/>
    <row r="84" spans="2:11" ht="15" customHeight="1" thickTop="1" thickBot="1">
      <c r="B84" s="528" t="s">
        <v>0</v>
      </c>
      <c r="C84" s="529"/>
      <c r="D84" s="85" t="s">
        <v>158</v>
      </c>
      <c r="E84" s="86" t="s">
        <v>1</v>
      </c>
      <c r="H84" s="257" t="s">
        <v>274</v>
      </c>
      <c r="I84" s="85" t="s">
        <v>275</v>
      </c>
      <c r="J84" s="87" t="s">
        <v>276</v>
      </c>
      <c r="K84" s="86" t="s">
        <v>277</v>
      </c>
    </row>
    <row r="85" spans="2:11" ht="102" customHeight="1">
      <c r="B85" s="533" t="s">
        <v>37</v>
      </c>
      <c r="C85" s="534"/>
      <c r="D85" s="11" t="s">
        <v>38</v>
      </c>
      <c r="E85" s="323" t="s">
        <v>500</v>
      </c>
      <c r="H85" s="252" t="s">
        <v>302</v>
      </c>
      <c r="I85" s="286" t="s">
        <v>797</v>
      </c>
      <c r="J85" s="22"/>
      <c r="K85" s="6"/>
    </row>
    <row r="86" spans="2:11" ht="28.8">
      <c r="B86" s="252"/>
      <c r="C86" s="253"/>
      <c r="D86" s="11"/>
      <c r="E86" s="345" t="s">
        <v>388</v>
      </c>
      <c r="H86" s="252"/>
      <c r="I86" s="11"/>
      <c r="J86" s="22"/>
      <c r="K86" s="6"/>
    </row>
    <row r="87" spans="2:11" ht="28.8">
      <c r="B87" s="282"/>
      <c r="C87" s="283"/>
      <c r="D87" s="11"/>
      <c r="E87" s="147"/>
      <c r="H87" s="282"/>
      <c r="I87" s="11"/>
      <c r="J87" s="22"/>
      <c r="K87" s="305" t="s">
        <v>799</v>
      </c>
    </row>
    <row r="88" spans="2:11" ht="19.2">
      <c r="B88" s="252"/>
      <c r="C88" s="253"/>
      <c r="D88" s="11"/>
      <c r="E88" s="6"/>
      <c r="H88" s="252"/>
      <c r="I88" s="11"/>
      <c r="J88" s="22"/>
      <c r="K88" s="305" t="s">
        <v>798</v>
      </c>
    </row>
    <row r="89" spans="2:11" ht="48" customHeight="1">
      <c r="B89" s="252"/>
      <c r="C89" s="253"/>
      <c r="D89" s="11"/>
      <c r="E89" s="323" t="s">
        <v>389</v>
      </c>
      <c r="H89" s="252"/>
      <c r="I89" s="11"/>
      <c r="J89" s="22"/>
      <c r="K89" s="323" t="s">
        <v>800</v>
      </c>
    </row>
    <row r="90" spans="2:11" ht="19.2">
      <c r="B90" s="252"/>
      <c r="C90" s="253"/>
      <c r="D90" s="11"/>
      <c r="E90" s="345" t="s">
        <v>390</v>
      </c>
      <c r="H90" s="252"/>
      <c r="I90" s="11"/>
      <c r="J90" s="22"/>
      <c r="K90" s="6"/>
    </row>
    <row r="91" spans="2:11" ht="28.8">
      <c r="B91" s="252"/>
      <c r="C91" s="253"/>
      <c r="D91" s="11"/>
      <c r="E91" s="323" t="s">
        <v>391</v>
      </c>
      <c r="H91" s="252"/>
      <c r="I91" s="11"/>
      <c r="J91" s="22"/>
      <c r="K91" s="323" t="s">
        <v>501</v>
      </c>
    </row>
    <row r="92" spans="2:11" ht="28.8">
      <c r="B92" s="254" t="s">
        <v>39</v>
      </c>
      <c r="C92" s="346" t="s">
        <v>40</v>
      </c>
      <c r="D92" s="2" t="s">
        <v>41</v>
      </c>
      <c r="E92" s="299" t="s">
        <v>392</v>
      </c>
      <c r="H92" s="292" t="s">
        <v>303</v>
      </c>
      <c r="I92" s="2"/>
      <c r="J92" s="336" t="s">
        <v>995</v>
      </c>
      <c r="K92" s="146" t="s">
        <v>993</v>
      </c>
    </row>
    <row r="93" spans="2:11" ht="38.4">
      <c r="B93" s="255"/>
      <c r="C93" s="253"/>
      <c r="D93" s="11"/>
      <c r="E93" s="323" t="s">
        <v>393</v>
      </c>
      <c r="H93" s="252"/>
      <c r="I93" s="11"/>
      <c r="J93" s="22"/>
      <c r="K93" s="323" t="s">
        <v>800</v>
      </c>
    </row>
    <row r="94" spans="2:11" ht="28.8">
      <c r="B94" s="255"/>
      <c r="C94" s="253"/>
      <c r="D94" s="11"/>
      <c r="E94" s="345" t="s">
        <v>394</v>
      </c>
      <c r="H94" s="252"/>
      <c r="I94" s="11"/>
      <c r="J94" s="22" t="s">
        <v>994</v>
      </c>
      <c r="K94" s="147"/>
    </row>
    <row r="95" spans="2:11" ht="105.6">
      <c r="B95" s="254" t="s">
        <v>42</v>
      </c>
      <c r="C95" s="346" t="s">
        <v>43</v>
      </c>
      <c r="D95" s="2"/>
      <c r="E95" s="52"/>
      <c r="H95" s="292" t="s">
        <v>312</v>
      </c>
      <c r="I95" s="2"/>
      <c r="J95" s="43"/>
      <c r="K95" s="146" t="s">
        <v>804</v>
      </c>
    </row>
    <row r="96" spans="2:11" ht="28.8">
      <c r="B96" s="284"/>
      <c r="C96" s="283"/>
      <c r="D96" s="11" t="s">
        <v>1043</v>
      </c>
      <c r="E96" s="6"/>
      <c r="H96" s="282"/>
      <c r="I96" s="11"/>
      <c r="J96" s="22"/>
      <c r="K96" s="147"/>
    </row>
    <row r="97" spans="2:11">
      <c r="B97" s="255"/>
      <c r="C97" s="253"/>
      <c r="D97" s="311" t="s">
        <v>801</v>
      </c>
      <c r="E97" s="6"/>
      <c r="H97" s="252"/>
      <c r="I97" s="11"/>
      <c r="J97" s="22"/>
      <c r="K97" s="6"/>
    </row>
    <row r="98" spans="2:11" ht="28.8">
      <c r="B98" s="255"/>
      <c r="C98" s="253"/>
      <c r="D98" s="321" t="s">
        <v>802</v>
      </c>
      <c r="E98" s="6"/>
      <c r="H98" s="252"/>
      <c r="I98" s="11"/>
      <c r="J98" s="22"/>
      <c r="K98" s="341" t="s">
        <v>803</v>
      </c>
    </row>
    <row r="99" spans="2:11" ht="28.8">
      <c r="B99" s="256"/>
      <c r="C99" s="259"/>
      <c r="D99" s="12"/>
      <c r="E99" s="53"/>
      <c r="H99" s="258"/>
      <c r="I99" s="12"/>
      <c r="J99" s="20"/>
      <c r="K99" s="325" t="s">
        <v>1044</v>
      </c>
    </row>
    <row r="100" spans="2:11" ht="48">
      <c r="B100" s="255" t="s">
        <v>515</v>
      </c>
      <c r="C100" s="253"/>
      <c r="D100" s="11"/>
      <c r="E100" s="6"/>
      <c r="H100" s="252"/>
      <c r="I100" s="11"/>
      <c r="J100" s="304" t="s">
        <v>514</v>
      </c>
      <c r="K100" s="6"/>
    </row>
    <row r="101" spans="2:11" ht="28.8">
      <c r="B101" s="255"/>
      <c r="C101" s="253"/>
      <c r="D101" s="11"/>
      <c r="E101" s="6"/>
      <c r="H101" s="252"/>
      <c r="I101" s="11"/>
      <c r="J101" s="304" t="s">
        <v>502</v>
      </c>
      <c r="K101" s="6"/>
    </row>
    <row r="102" spans="2:11" ht="48">
      <c r="B102" s="255"/>
      <c r="C102" s="253"/>
      <c r="D102" s="11"/>
      <c r="E102" s="6"/>
      <c r="H102" s="252"/>
      <c r="I102" s="11"/>
      <c r="J102" s="304" t="s">
        <v>503</v>
      </c>
      <c r="K102" s="6"/>
    </row>
    <row r="103" spans="2:11" ht="19.2">
      <c r="B103" s="255"/>
      <c r="C103" s="253"/>
      <c r="D103" s="11"/>
      <c r="E103" s="6"/>
      <c r="H103" s="252"/>
      <c r="I103" s="11"/>
      <c r="J103" s="304" t="s">
        <v>504</v>
      </c>
      <c r="K103" s="6"/>
    </row>
    <row r="104" spans="2:11" ht="29.4" thickBot="1">
      <c r="B104" s="260"/>
      <c r="C104" s="262"/>
      <c r="D104" s="15"/>
      <c r="E104" s="7"/>
      <c r="H104" s="14"/>
      <c r="I104" s="15"/>
      <c r="J104" s="344" t="s">
        <v>1045</v>
      </c>
      <c r="K104" s="7"/>
    </row>
    <row r="105" spans="2:11" ht="15" thickTop="1">
      <c r="B105" s="253"/>
      <c r="C105" s="253"/>
      <c r="D105" s="253"/>
      <c r="E105" s="253"/>
      <c r="H105" s="253"/>
      <c r="I105" s="253"/>
      <c r="J105" s="253"/>
      <c r="K105" s="253"/>
    </row>
    <row r="106" spans="2:11" ht="16.2">
      <c r="B106" s="278" t="s">
        <v>233</v>
      </c>
    </row>
    <row r="107" spans="2:11" ht="6.75" customHeight="1" thickBot="1">
      <c r="B107" s="30"/>
    </row>
    <row r="108" spans="2:11" ht="15" customHeight="1" thickTop="1" thickBot="1">
      <c r="B108" s="528" t="s">
        <v>0</v>
      </c>
      <c r="C108" s="529"/>
      <c r="D108" s="85" t="s">
        <v>158</v>
      </c>
      <c r="E108" s="86" t="s">
        <v>1</v>
      </c>
      <c r="H108" s="257" t="s">
        <v>274</v>
      </c>
      <c r="I108" s="85" t="s">
        <v>275</v>
      </c>
      <c r="J108" s="87" t="s">
        <v>276</v>
      </c>
      <c r="K108" s="86" t="s">
        <v>277</v>
      </c>
    </row>
    <row r="109" spans="2:11" ht="52.5" customHeight="1">
      <c r="B109" s="533" t="s">
        <v>44</v>
      </c>
      <c r="C109" s="534"/>
      <c r="D109" s="11" t="s">
        <v>234</v>
      </c>
      <c r="E109" s="6"/>
      <c r="H109" s="252" t="s">
        <v>293</v>
      </c>
      <c r="I109" s="11"/>
      <c r="J109" s="22"/>
      <c r="K109" s="6"/>
    </row>
    <row r="110" spans="2:11" ht="28.8">
      <c r="B110" s="252"/>
      <c r="C110" s="253"/>
      <c r="D110" s="11"/>
      <c r="E110" s="323" t="s">
        <v>395</v>
      </c>
      <c r="H110" s="252"/>
      <c r="I110" s="11"/>
      <c r="J110" s="22"/>
      <c r="K110" s="323" t="s">
        <v>805</v>
      </c>
    </row>
    <row r="111" spans="2:11" ht="19.2">
      <c r="B111" s="252"/>
      <c r="C111" s="253"/>
      <c r="D111" s="11"/>
      <c r="E111" s="345" t="s">
        <v>396</v>
      </c>
      <c r="H111" s="252"/>
      <c r="I111" s="11"/>
      <c r="J111" s="22"/>
      <c r="K111" s="6"/>
    </row>
    <row r="112" spans="2:11">
      <c r="B112" s="330"/>
      <c r="C112" s="329"/>
      <c r="D112" s="11"/>
      <c r="E112" s="6"/>
      <c r="H112" s="330"/>
      <c r="I112" s="11"/>
      <c r="J112" s="22"/>
      <c r="K112" s="305" t="s">
        <v>511</v>
      </c>
    </row>
    <row r="113" spans="2:11" ht="19.2">
      <c r="B113" s="252"/>
      <c r="C113" s="253"/>
      <c r="D113" s="11"/>
      <c r="E113" s="345" t="s">
        <v>397</v>
      </c>
      <c r="H113" s="252"/>
      <c r="I113" s="11"/>
      <c r="J113" s="22"/>
      <c r="K113" s="6"/>
    </row>
    <row r="114" spans="2:11">
      <c r="B114" s="252"/>
      <c r="C114" s="253"/>
      <c r="D114" s="11"/>
      <c r="E114" s="345" t="s">
        <v>398</v>
      </c>
      <c r="H114" s="252"/>
      <c r="I114" s="11"/>
      <c r="J114" s="22"/>
      <c r="K114" s="6"/>
    </row>
    <row r="115" spans="2:11" ht="19.2">
      <c r="B115" s="252"/>
      <c r="C115" s="253"/>
      <c r="D115" s="11"/>
      <c r="E115" s="6"/>
      <c r="H115" s="258"/>
      <c r="I115" s="12"/>
      <c r="J115" s="342" t="s">
        <v>807</v>
      </c>
      <c r="K115" s="53"/>
    </row>
    <row r="116" spans="2:11" ht="38.4">
      <c r="B116" s="254" t="s">
        <v>13</v>
      </c>
      <c r="C116" s="346" t="s">
        <v>447</v>
      </c>
      <c r="D116" s="88"/>
      <c r="E116" s="52"/>
      <c r="H116" s="267" t="s">
        <v>1082</v>
      </c>
      <c r="I116" s="286" t="s">
        <v>1054</v>
      </c>
      <c r="J116" s="43"/>
      <c r="K116" s="52"/>
    </row>
    <row r="117" spans="2:11" ht="19.2">
      <c r="B117" s="255"/>
      <c r="C117" s="253"/>
      <c r="D117" s="89"/>
      <c r="E117" s="323" t="s">
        <v>808</v>
      </c>
      <c r="H117" s="252"/>
      <c r="I117" s="286"/>
      <c r="J117" s="22"/>
      <c r="K117" s="6"/>
    </row>
    <row r="118" spans="2:11" ht="38.4">
      <c r="B118" s="90" t="s">
        <v>7</v>
      </c>
      <c r="C118" s="352" t="s">
        <v>45</v>
      </c>
      <c r="D118" s="354" t="s">
        <v>399</v>
      </c>
      <c r="E118" s="91"/>
      <c r="H118" s="322" t="s">
        <v>1046</v>
      </c>
      <c r="I118" s="1"/>
      <c r="J118" s="47"/>
      <c r="K118" s="353" t="s">
        <v>507</v>
      </c>
    </row>
    <row r="119" spans="2:11" ht="157.5" customHeight="1">
      <c r="B119" s="254" t="s">
        <v>46</v>
      </c>
      <c r="C119" s="346" t="s">
        <v>294</v>
      </c>
      <c r="D119" s="2" t="s">
        <v>403</v>
      </c>
      <c r="E119" s="52"/>
      <c r="H119" s="292" t="s">
        <v>295</v>
      </c>
      <c r="I119" s="2" t="s">
        <v>1055</v>
      </c>
      <c r="J119" s="43"/>
      <c r="K119" s="52"/>
    </row>
    <row r="120" spans="2:11" ht="19.2">
      <c r="B120" s="255"/>
      <c r="C120" s="253"/>
      <c r="D120" s="311" t="s">
        <v>404</v>
      </c>
      <c r="E120" s="6"/>
      <c r="H120" s="252"/>
      <c r="I120" s="11"/>
      <c r="J120" s="22"/>
      <c r="K120" s="6"/>
    </row>
    <row r="121" spans="2:11" ht="28.8">
      <c r="B121" s="255"/>
      <c r="C121" s="253"/>
      <c r="D121" s="311" t="s">
        <v>405</v>
      </c>
      <c r="E121" s="6"/>
      <c r="H121" s="252"/>
      <c r="I121" s="11"/>
      <c r="J121" s="22"/>
      <c r="K121" s="6"/>
    </row>
    <row r="122" spans="2:11" ht="28.8">
      <c r="B122" s="255"/>
      <c r="C122" s="253"/>
      <c r="D122" s="321" t="s">
        <v>509</v>
      </c>
      <c r="E122" s="6"/>
      <c r="H122" s="252"/>
      <c r="I122" s="11"/>
      <c r="J122" s="324" t="s">
        <v>550</v>
      </c>
      <c r="K122" s="6"/>
    </row>
    <row r="123" spans="2:11" ht="28.8">
      <c r="B123" s="255"/>
      <c r="C123" s="253"/>
      <c r="D123" s="321" t="s">
        <v>508</v>
      </c>
      <c r="E123" s="6"/>
      <c r="H123" s="252"/>
      <c r="I123" s="11"/>
      <c r="J123" s="22"/>
      <c r="K123" s="341" t="s">
        <v>551</v>
      </c>
    </row>
    <row r="124" spans="2:11" ht="57.6">
      <c r="B124" s="255"/>
      <c r="C124" s="253"/>
      <c r="D124" s="321" t="s">
        <v>406</v>
      </c>
      <c r="E124" s="6"/>
      <c r="H124" s="252"/>
      <c r="I124" s="11"/>
      <c r="J124" s="324" t="s">
        <v>552</v>
      </c>
      <c r="K124" s="6"/>
    </row>
    <row r="125" spans="2:11" ht="28.8">
      <c r="B125" s="255"/>
      <c r="C125" s="253"/>
      <c r="D125" s="311" t="s">
        <v>407</v>
      </c>
      <c r="E125" s="6"/>
      <c r="H125" s="252"/>
      <c r="I125" s="11"/>
      <c r="J125" s="22" t="s">
        <v>806</v>
      </c>
      <c r="K125" s="6"/>
    </row>
    <row r="126" spans="2:11">
      <c r="B126" s="255"/>
      <c r="C126" s="253"/>
      <c r="D126" s="11"/>
      <c r="E126" s="345" t="s">
        <v>400</v>
      </c>
      <c r="H126" s="252"/>
      <c r="I126" s="11"/>
      <c r="J126" s="22"/>
      <c r="K126" s="6"/>
    </row>
    <row r="127" spans="2:11" ht="19.2">
      <c r="B127" s="255"/>
      <c r="C127" s="253"/>
      <c r="D127" s="11"/>
      <c r="E127" s="323" t="s">
        <v>401</v>
      </c>
      <c r="H127" s="252"/>
      <c r="I127" s="11"/>
      <c r="J127" s="22"/>
      <c r="K127" s="323" t="s">
        <v>510</v>
      </c>
    </row>
    <row r="128" spans="2:11" ht="28.8">
      <c r="B128" s="255"/>
      <c r="C128" s="253"/>
      <c r="D128" s="11"/>
      <c r="E128" s="345" t="s">
        <v>402</v>
      </c>
      <c r="H128" s="252"/>
      <c r="I128" s="11"/>
      <c r="J128" s="22"/>
      <c r="K128" s="6"/>
    </row>
    <row r="129" spans="2:11" ht="19.2">
      <c r="B129" s="255"/>
      <c r="C129" s="253"/>
      <c r="D129" s="11"/>
      <c r="E129" s="345" t="s">
        <v>506</v>
      </c>
      <c r="H129" s="252"/>
      <c r="I129" s="11"/>
      <c r="J129" s="22"/>
      <c r="K129" s="6"/>
    </row>
    <row r="130" spans="2:11" ht="48">
      <c r="B130" s="255"/>
      <c r="C130" s="253"/>
      <c r="D130" s="11"/>
      <c r="E130" s="6"/>
      <c r="H130" s="252"/>
      <c r="I130" s="11"/>
      <c r="J130" s="22"/>
      <c r="K130" s="305" t="s">
        <v>1047</v>
      </c>
    </row>
    <row r="131" spans="2:11" ht="48">
      <c r="B131" s="255"/>
      <c r="C131" s="253"/>
      <c r="D131" s="11"/>
      <c r="E131" s="6"/>
      <c r="H131" s="252"/>
      <c r="I131" s="11"/>
      <c r="J131" s="304" t="s">
        <v>1050</v>
      </c>
      <c r="K131" s="6"/>
    </row>
    <row r="132" spans="2:11" ht="38.4">
      <c r="B132" s="255"/>
      <c r="C132" s="253"/>
      <c r="D132" s="11"/>
      <c r="E132" s="6"/>
      <c r="H132" s="252"/>
      <c r="I132" s="11"/>
      <c r="J132" s="304" t="s">
        <v>1048</v>
      </c>
      <c r="K132" s="6"/>
    </row>
    <row r="133" spans="2:11" ht="19.2">
      <c r="B133" s="255"/>
      <c r="C133" s="253"/>
      <c r="D133" s="11"/>
      <c r="E133" s="6"/>
      <c r="H133" s="252"/>
      <c r="I133" s="11"/>
      <c r="J133" s="304" t="s">
        <v>553</v>
      </c>
      <c r="K133" s="6"/>
    </row>
    <row r="134" spans="2:11" ht="19.2">
      <c r="B134" s="256"/>
      <c r="C134" s="259"/>
      <c r="D134" s="12"/>
      <c r="E134" s="53"/>
      <c r="H134" s="258"/>
      <c r="I134" s="12"/>
      <c r="J134" s="342" t="s">
        <v>1049</v>
      </c>
      <c r="K134" s="53"/>
    </row>
    <row r="135" spans="2:11" ht="19.2">
      <c r="B135" s="90" t="s">
        <v>47</v>
      </c>
      <c r="C135" s="352" t="s">
        <v>48</v>
      </c>
      <c r="D135" s="1" t="s">
        <v>49</v>
      </c>
      <c r="E135" s="60"/>
      <c r="H135" s="270"/>
      <c r="I135" s="1"/>
      <c r="J135" s="355" t="s">
        <v>996</v>
      </c>
      <c r="K135" s="276"/>
    </row>
    <row r="136" spans="2:11" ht="38.4">
      <c r="B136" s="254" t="s">
        <v>512</v>
      </c>
      <c r="C136" s="261"/>
      <c r="D136" s="2"/>
      <c r="E136" s="52"/>
      <c r="H136" s="267"/>
      <c r="I136" s="2"/>
      <c r="J136" s="356" t="s">
        <v>554</v>
      </c>
      <c r="K136" s="357" t="s">
        <v>1051</v>
      </c>
    </row>
    <row r="137" spans="2:11" ht="38.4">
      <c r="B137" s="256"/>
      <c r="C137" s="259"/>
      <c r="D137" s="12"/>
      <c r="E137" s="53"/>
      <c r="H137" s="252"/>
      <c r="I137" s="11"/>
      <c r="J137" s="304" t="s">
        <v>1052</v>
      </c>
      <c r="K137" s="305"/>
    </row>
    <row r="138" spans="2:11" ht="19.2">
      <c r="B138" s="90" t="s">
        <v>513</v>
      </c>
      <c r="C138" s="271"/>
      <c r="D138" s="1"/>
      <c r="E138" s="60"/>
      <c r="H138" s="270"/>
      <c r="I138" s="1"/>
      <c r="J138" s="358" t="s">
        <v>1053</v>
      </c>
      <c r="K138" s="60"/>
    </row>
    <row r="139" spans="2:11" ht="124.5" customHeight="1">
      <c r="B139" s="524" t="s">
        <v>445</v>
      </c>
      <c r="C139" s="525"/>
      <c r="D139" s="11" t="s">
        <v>50</v>
      </c>
      <c r="E139" s="323" t="s">
        <v>408</v>
      </c>
      <c r="H139" s="252"/>
      <c r="I139" s="286" t="s">
        <v>1056</v>
      </c>
      <c r="J139" s="22"/>
      <c r="K139" s="6"/>
    </row>
    <row r="140" spans="2:11">
      <c r="B140" s="252"/>
      <c r="C140" s="253"/>
      <c r="D140" s="11"/>
      <c r="E140" s="345" t="s">
        <v>409</v>
      </c>
      <c r="H140" s="252"/>
      <c r="I140" s="11"/>
      <c r="J140" s="22"/>
      <c r="K140" s="6"/>
    </row>
    <row r="141" spans="2:11" ht="19.2">
      <c r="B141" s="252"/>
      <c r="C141" s="253"/>
      <c r="D141" s="11"/>
      <c r="E141" s="345" t="s">
        <v>396</v>
      </c>
      <c r="H141" s="252"/>
      <c r="I141" s="11"/>
      <c r="J141" s="22"/>
      <c r="K141" s="6"/>
    </row>
    <row r="142" spans="2:11" ht="19.8" thickBot="1">
      <c r="B142" s="14"/>
      <c r="C142" s="262"/>
      <c r="D142" s="15"/>
      <c r="E142" s="359" t="s">
        <v>410</v>
      </c>
      <c r="H142" s="14"/>
      <c r="I142" s="15"/>
      <c r="J142" s="81"/>
      <c r="K142" s="7"/>
    </row>
    <row r="143" spans="2:11" ht="15" thickTop="1">
      <c r="B143" s="30"/>
    </row>
    <row r="144" spans="2:11" ht="16.2">
      <c r="B144" s="278" t="s">
        <v>235</v>
      </c>
    </row>
    <row r="145" spans="2:11" ht="6.75" customHeight="1" thickBot="1">
      <c r="B145" s="30"/>
    </row>
    <row r="146" spans="2:11" ht="15" customHeight="1" thickTop="1" thickBot="1">
      <c r="B146" s="528" t="s">
        <v>0</v>
      </c>
      <c r="C146" s="529"/>
      <c r="D146" s="85" t="s">
        <v>158</v>
      </c>
      <c r="E146" s="86" t="s">
        <v>1</v>
      </c>
      <c r="H146" s="257" t="s">
        <v>274</v>
      </c>
      <c r="I146" s="85" t="s">
        <v>275</v>
      </c>
      <c r="J146" s="87" t="s">
        <v>276</v>
      </c>
      <c r="K146" s="86" t="s">
        <v>277</v>
      </c>
    </row>
    <row r="147" spans="2:11" ht="67.2">
      <c r="B147" s="546" t="s">
        <v>51</v>
      </c>
      <c r="C147" s="547"/>
      <c r="D147" s="11" t="s">
        <v>809</v>
      </c>
      <c r="E147" s="323" t="s">
        <v>814</v>
      </c>
      <c r="H147" s="338" t="s">
        <v>313</v>
      </c>
      <c r="I147" s="286" t="s">
        <v>1057</v>
      </c>
      <c r="J147" s="22"/>
      <c r="K147" s="6"/>
    </row>
    <row r="148" spans="2:11" ht="19.2">
      <c r="B148" s="361"/>
      <c r="C148" s="362"/>
      <c r="D148" s="242"/>
      <c r="E148" s="147"/>
      <c r="F148" s="32"/>
      <c r="G148" s="32"/>
      <c r="H148" s="361"/>
      <c r="I148" s="11"/>
      <c r="J148" s="22"/>
      <c r="K148" s="363" t="s">
        <v>1058</v>
      </c>
    </row>
    <row r="149" spans="2:11" ht="19.2">
      <c r="B149" s="252"/>
      <c r="C149" s="253"/>
      <c r="D149" s="311" t="s">
        <v>811</v>
      </c>
      <c r="E149" s="6"/>
      <c r="H149" s="252"/>
      <c r="I149" s="11"/>
      <c r="J149" s="22"/>
      <c r="K149" s="6"/>
    </row>
    <row r="150" spans="2:11" ht="38.4">
      <c r="B150" s="252"/>
      <c r="C150" s="253"/>
      <c r="D150" s="321" t="s">
        <v>810</v>
      </c>
      <c r="E150" s="6"/>
      <c r="H150" s="252"/>
      <c r="I150" s="321" t="s">
        <v>813</v>
      </c>
      <c r="J150" s="304" t="s">
        <v>1059</v>
      </c>
      <c r="K150" s="6"/>
    </row>
    <row r="151" spans="2:11" ht="57.6">
      <c r="B151" s="252"/>
      <c r="C151" s="253"/>
      <c r="D151" s="11"/>
      <c r="E151" s="323" t="s">
        <v>411</v>
      </c>
      <c r="H151" s="252"/>
      <c r="I151" s="286" t="s">
        <v>812</v>
      </c>
      <c r="J151" s="22"/>
      <c r="K151" s="305" t="s">
        <v>1060</v>
      </c>
    </row>
    <row r="152" spans="2:11">
      <c r="B152" s="252"/>
      <c r="C152" s="253"/>
      <c r="D152" s="11"/>
      <c r="E152" s="323" t="s">
        <v>412</v>
      </c>
      <c r="H152" s="252"/>
      <c r="I152" s="11"/>
      <c r="J152" s="364" t="s">
        <v>519</v>
      </c>
      <c r="K152" s="6"/>
    </row>
    <row r="153" spans="2:11" ht="19.2">
      <c r="B153" s="252"/>
      <c r="C153" s="253"/>
      <c r="D153" s="11"/>
      <c r="E153" s="6"/>
      <c r="H153" s="252"/>
      <c r="I153" s="11"/>
      <c r="J153" s="304" t="s">
        <v>1061</v>
      </c>
      <c r="K153" s="6"/>
    </row>
    <row r="154" spans="2:11" ht="19.2">
      <c r="B154" s="252"/>
      <c r="C154" s="253"/>
      <c r="D154" s="11"/>
      <c r="E154" s="6"/>
      <c r="H154" s="252"/>
      <c r="I154" s="11"/>
      <c r="J154" s="304" t="s">
        <v>1062</v>
      </c>
      <c r="K154" s="6"/>
    </row>
    <row r="155" spans="2:11" ht="19.2">
      <c r="B155" s="252"/>
      <c r="C155" s="253"/>
      <c r="D155" s="11"/>
      <c r="E155" s="6"/>
      <c r="H155" s="252"/>
      <c r="I155" s="11"/>
      <c r="J155" s="22"/>
      <c r="K155" s="305" t="s">
        <v>544</v>
      </c>
    </row>
    <row r="156" spans="2:11" ht="19.2">
      <c r="B156" s="258"/>
      <c r="C156" s="259"/>
      <c r="D156" s="12"/>
      <c r="E156" s="53"/>
      <c r="H156" s="258"/>
      <c r="I156" s="12"/>
      <c r="J156" s="20"/>
      <c r="K156" s="325" t="s">
        <v>1063</v>
      </c>
    </row>
    <row r="157" spans="2:11" ht="28.8">
      <c r="B157" s="270" t="s">
        <v>520</v>
      </c>
      <c r="C157" s="19"/>
      <c r="D157" s="1"/>
      <c r="E157" s="60"/>
      <c r="H157" s="258"/>
      <c r="I157" s="12"/>
      <c r="J157" s="20"/>
      <c r="K157" s="325" t="s">
        <v>1064</v>
      </c>
    </row>
    <row r="158" spans="2:11" ht="42.75" customHeight="1">
      <c r="B158" s="552" t="s">
        <v>52</v>
      </c>
      <c r="C158" s="540"/>
      <c r="D158" s="2" t="s">
        <v>238</v>
      </c>
      <c r="E158" s="52"/>
      <c r="H158" s="267" t="s">
        <v>296</v>
      </c>
      <c r="I158" s="2"/>
      <c r="J158" s="43"/>
      <c r="K158" s="52"/>
    </row>
    <row r="159" spans="2:11" ht="76.8">
      <c r="B159" s="267" t="s">
        <v>13</v>
      </c>
      <c r="C159" s="291" t="s">
        <v>53</v>
      </c>
      <c r="D159" s="2"/>
      <c r="E159" s="307" t="s">
        <v>173</v>
      </c>
      <c r="H159" s="322" t="s">
        <v>307</v>
      </c>
      <c r="I159" s="354" t="s">
        <v>1065</v>
      </c>
      <c r="J159" s="355" t="s">
        <v>1066</v>
      </c>
      <c r="K159" s="353" t="s">
        <v>998</v>
      </c>
    </row>
    <row r="160" spans="2:11" ht="28.8">
      <c r="B160" s="267" t="s">
        <v>7</v>
      </c>
      <c r="C160" s="291" t="s">
        <v>54</v>
      </c>
      <c r="D160" s="2"/>
      <c r="E160" s="52"/>
      <c r="H160" s="322" t="s">
        <v>292</v>
      </c>
      <c r="I160" s="1"/>
      <c r="J160" s="47"/>
      <c r="K160" s="60"/>
    </row>
    <row r="161" spans="2:11" ht="38.4">
      <c r="B161" s="267" t="s">
        <v>55</v>
      </c>
      <c r="C161" s="291" t="s">
        <v>56</v>
      </c>
      <c r="D161" s="340" t="s">
        <v>1067</v>
      </c>
      <c r="E161" s="52"/>
      <c r="H161" s="338" t="s">
        <v>308</v>
      </c>
      <c r="I161" s="242"/>
      <c r="J161" s="324" t="s">
        <v>997</v>
      </c>
      <c r="K161" s="147"/>
    </row>
    <row r="162" spans="2:11" ht="28.8">
      <c r="B162" s="252"/>
      <c r="C162" s="17"/>
      <c r="D162" s="321" t="s">
        <v>413</v>
      </c>
      <c r="E162" s="6"/>
      <c r="H162" s="252"/>
      <c r="I162" s="11"/>
      <c r="J162" s="243"/>
      <c r="K162" s="341" t="s">
        <v>555</v>
      </c>
    </row>
    <row r="163" spans="2:11" ht="19.2">
      <c r="B163" s="252"/>
      <c r="C163" s="17"/>
      <c r="D163" s="11"/>
      <c r="E163" s="345" t="s">
        <v>516</v>
      </c>
      <c r="H163" s="252"/>
      <c r="I163" s="11"/>
      <c r="J163" s="243"/>
      <c r="K163" s="147"/>
    </row>
    <row r="164" spans="2:11" ht="19.2">
      <c r="B164" s="258"/>
      <c r="C164" s="18"/>
      <c r="D164" s="12"/>
      <c r="E164" s="53"/>
      <c r="H164" s="252"/>
      <c r="I164" s="11"/>
      <c r="J164" s="22"/>
      <c r="K164" s="305" t="s">
        <v>1068</v>
      </c>
    </row>
    <row r="165" spans="2:11" ht="115.2">
      <c r="B165" s="252" t="s">
        <v>57</v>
      </c>
      <c r="C165" s="17" t="s">
        <v>1070</v>
      </c>
      <c r="D165" s="242" t="s">
        <v>414</v>
      </c>
      <c r="E165" s="323" t="s">
        <v>417</v>
      </c>
      <c r="H165" s="248"/>
      <c r="I165" s="249"/>
      <c r="J165" s="365" t="s">
        <v>1069</v>
      </c>
      <c r="K165" s="357" t="s">
        <v>1071</v>
      </c>
    </row>
    <row r="166" spans="2:11" ht="19.2">
      <c r="B166" s="252"/>
      <c r="C166" s="17"/>
      <c r="D166" s="286" t="s">
        <v>415</v>
      </c>
      <c r="E166" s="6"/>
      <c r="H166" s="252"/>
      <c r="I166" s="11"/>
      <c r="J166" s="364" t="s">
        <v>753</v>
      </c>
      <c r="K166" s="6"/>
    </row>
    <row r="167" spans="2:11" ht="19.2">
      <c r="B167" s="252"/>
      <c r="C167" s="17"/>
      <c r="D167" s="286" t="s">
        <v>750</v>
      </c>
      <c r="E167" s="6"/>
      <c r="H167" s="252"/>
      <c r="I167" s="11"/>
      <c r="J167" s="22"/>
      <c r="K167" s="323" t="s">
        <v>815</v>
      </c>
    </row>
    <row r="168" spans="2:11" ht="57.6">
      <c r="B168" s="252"/>
      <c r="C168" s="17"/>
      <c r="D168" s="11"/>
      <c r="E168" s="6"/>
      <c r="H168" s="252"/>
      <c r="I168" s="11"/>
      <c r="J168" s="22"/>
      <c r="K168" s="305" t="s">
        <v>1072</v>
      </c>
    </row>
    <row r="169" spans="2:11">
      <c r="B169" s="252"/>
      <c r="C169" s="17"/>
      <c r="D169" s="11"/>
      <c r="E169" s="345" t="s">
        <v>416</v>
      </c>
      <c r="H169" s="252"/>
      <c r="I169" s="11"/>
      <c r="J169" s="243"/>
      <c r="K169" s="147"/>
    </row>
    <row r="170" spans="2:11" ht="19.2">
      <c r="B170" s="250"/>
      <c r="C170" s="17"/>
      <c r="D170" s="286" t="s">
        <v>829</v>
      </c>
      <c r="E170" s="272"/>
      <c r="H170" s="252"/>
      <c r="I170" s="11"/>
      <c r="J170" s="364" t="s">
        <v>752</v>
      </c>
      <c r="K170" s="6"/>
    </row>
    <row r="171" spans="2:11" ht="76.8">
      <c r="B171" s="263"/>
      <c r="C171" s="18"/>
      <c r="D171" s="12"/>
      <c r="E171" s="58"/>
      <c r="H171" s="258"/>
      <c r="I171" s="12"/>
      <c r="J171" s="342" t="s">
        <v>1073</v>
      </c>
      <c r="K171" s="53"/>
    </row>
    <row r="172" spans="2:11" ht="57.6">
      <c r="B172" s="267" t="s">
        <v>58</v>
      </c>
      <c r="C172" s="291" t="s">
        <v>294</v>
      </c>
      <c r="D172" s="2"/>
      <c r="E172" s="52"/>
      <c r="H172" s="292" t="s">
        <v>309</v>
      </c>
      <c r="I172" s="2" t="s">
        <v>1074</v>
      </c>
      <c r="J172" s="43"/>
      <c r="K172" s="52"/>
    </row>
    <row r="173" spans="2:11" ht="38.4">
      <c r="B173" s="258"/>
      <c r="C173" s="18"/>
      <c r="D173" s="12"/>
      <c r="E173" s="366" t="s">
        <v>816</v>
      </c>
      <c r="H173" s="258"/>
      <c r="I173" s="367" t="s">
        <v>817</v>
      </c>
      <c r="J173" s="20"/>
      <c r="K173" s="366" t="s">
        <v>818</v>
      </c>
    </row>
    <row r="174" spans="2:11" ht="106.2" thickBot="1">
      <c r="B174" s="14" t="s">
        <v>517</v>
      </c>
      <c r="C174" s="78"/>
      <c r="D174" s="15"/>
      <c r="E174" s="7"/>
      <c r="H174" s="14"/>
      <c r="I174" s="15"/>
      <c r="J174" s="344" t="s">
        <v>1075</v>
      </c>
      <c r="K174" s="7"/>
    </row>
    <row r="175" spans="2:11" ht="15" thickTop="1">
      <c r="B175" s="253"/>
      <c r="C175" s="253"/>
      <c r="D175" s="253"/>
      <c r="E175" s="253"/>
      <c r="H175" s="253"/>
      <c r="I175" s="253"/>
      <c r="J175" s="253"/>
      <c r="K175" s="253"/>
    </row>
    <row r="176" spans="2:11" ht="16.2">
      <c r="B176" s="278" t="s">
        <v>239</v>
      </c>
    </row>
    <row r="177" spans="2:11" ht="6.75" customHeight="1" thickBot="1">
      <c r="B177" s="30"/>
    </row>
    <row r="178" spans="2:11" ht="15" customHeight="1" thickTop="1" thickBot="1">
      <c r="B178" s="528" t="s">
        <v>0</v>
      </c>
      <c r="C178" s="529"/>
      <c r="D178" s="85" t="s">
        <v>158</v>
      </c>
      <c r="E178" s="86" t="s">
        <v>1</v>
      </c>
      <c r="H178" s="257" t="s">
        <v>274</v>
      </c>
      <c r="I178" s="85" t="s">
        <v>275</v>
      </c>
      <c r="J178" s="87" t="s">
        <v>276</v>
      </c>
      <c r="K178" s="86" t="s">
        <v>277</v>
      </c>
    </row>
    <row r="179" spans="2:11" ht="31.5" customHeight="1">
      <c r="B179" s="533" t="s">
        <v>59</v>
      </c>
      <c r="C179" s="534"/>
      <c r="D179" s="11"/>
      <c r="E179" s="6"/>
      <c r="H179" s="252" t="s">
        <v>278</v>
      </c>
      <c r="I179" s="11" t="s">
        <v>819</v>
      </c>
      <c r="J179" s="22"/>
      <c r="K179" s="6"/>
    </row>
    <row r="180" spans="2:11" ht="19.2">
      <c r="B180" s="252"/>
      <c r="C180" s="253"/>
      <c r="D180" s="321" t="s">
        <v>418</v>
      </c>
      <c r="E180" s="6"/>
      <c r="H180" s="252"/>
      <c r="I180" s="11"/>
      <c r="J180" s="324" t="s">
        <v>521</v>
      </c>
      <c r="K180" s="6"/>
    </row>
    <row r="181" spans="2:11">
      <c r="B181" s="252"/>
      <c r="C181" s="253"/>
      <c r="D181" s="11"/>
      <c r="E181" s="323" t="s">
        <v>412</v>
      </c>
      <c r="H181" s="252"/>
      <c r="I181" s="11"/>
      <c r="J181" s="364" t="s">
        <v>545</v>
      </c>
      <c r="K181" s="6"/>
    </row>
    <row r="182" spans="2:11" ht="38.4">
      <c r="B182" s="252"/>
      <c r="C182" s="253"/>
      <c r="D182" s="11"/>
      <c r="E182" s="6"/>
      <c r="H182" s="252"/>
      <c r="I182" s="11"/>
      <c r="J182" s="304" t="s">
        <v>1076</v>
      </c>
      <c r="K182" s="305" t="s">
        <v>546</v>
      </c>
    </row>
    <row r="183" spans="2:11" ht="28.8">
      <c r="B183" s="252"/>
      <c r="C183" s="253"/>
      <c r="D183" s="11"/>
      <c r="E183" s="323" t="s">
        <v>419</v>
      </c>
      <c r="H183" s="252"/>
      <c r="I183" s="11"/>
      <c r="J183" s="22"/>
      <c r="K183" s="323" t="s">
        <v>526</v>
      </c>
    </row>
    <row r="184" spans="2:11" ht="38.4">
      <c r="B184" s="252"/>
      <c r="C184" s="253"/>
      <c r="D184" s="11"/>
      <c r="E184" s="345" t="s">
        <v>420</v>
      </c>
      <c r="H184" s="252"/>
      <c r="I184" s="11" t="s">
        <v>1077</v>
      </c>
      <c r="J184" s="22" t="s">
        <v>524</v>
      </c>
      <c r="K184" s="6" t="s">
        <v>525</v>
      </c>
    </row>
    <row r="185" spans="2:11" ht="67.2">
      <c r="B185" s="252"/>
      <c r="C185" s="253"/>
      <c r="D185" s="11"/>
      <c r="E185" s="6"/>
      <c r="H185" s="252"/>
      <c r="I185" s="11"/>
      <c r="J185" s="22"/>
      <c r="K185" s="305" t="s">
        <v>1078</v>
      </c>
    </row>
    <row r="186" spans="2:11" ht="69" customHeight="1">
      <c r="B186" s="267" t="s">
        <v>60</v>
      </c>
      <c r="C186" s="368" t="s">
        <v>61</v>
      </c>
      <c r="D186" s="3" t="s">
        <v>62</v>
      </c>
      <c r="E186" s="370" t="s">
        <v>174</v>
      </c>
      <c r="H186" s="369" t="s">
        <v>1079</v>
      </c>
      <c r="I186" s="95" t="s">
        <v>327</v>
      </c>
      <c r="J186" s="94"/>
      <c r="K186" s="96"/>
    </row>
    <row r="187" spans="2:11" ht="19.2">
      <c r="B187" s="267" t="s">
        <v>63</v>
      </c>
      <c r="C187" s="291" t="s">
        <v>64</v>
      </c>
      <c r="D187" s="2" t="s">
        <v>1080</v>
      </c>
      <c r="E187" s="52"/>
      <c r="H187" s="338" t="s">
        <v>304</v>
      </c>
      <c r="I187" s="11" t="s">
        <v>421</v>
      </c>
      <c r="J187" s="22"/>
      <c r="K187" s="6"/>
    </row>
    <row r="188" spans="2:11">
      <c r="B188" s="330"/>
      <c r="C188" s="371"/>
      <c r="D188" s="311" t="s">
        <v>1081</v>
      </c>
      <c r="E188" s="6"/>
      <c r="H188" s="361"/>
      <c r="I188" s="11"/>
      <c r="J188" s="22"/>
      <c r="K188" s="6"/>
    </row>
    <row r="189" spans="2:11" ht="19.2">
      <c r="B189" s="252"/>
      <c r="C189" s="17"/>
      <c r="D189" s="321" t="s">
        <v>422</v>
      </c>
      <c r="E189" s="6"/>
      <c r="H189" s="252"/>
      <c r="I189" s="11"/>
      <c r="J189" s="324" t="s">
        <v>820</v>
      </c>
      <c r="K189" s="6"/>
    </row>
    <row r="190" spans="2:11" ht="28.8">
      <c r="B190" s="252"/>
      <c r="C190" s="17"/>
      <c r="D190" s="321" t="s">
        <v>424</v>
      </c>
      <c r="E190" s="6"/>
      <c r="H190" s="252"/>
      <c r="I190" s="11"/>
      <c r="J190" s="22"/>
      <c r="K190" s="341" t="s">
        <v>548</v>
      </c>
    </row>
    <row r="191" spans="2:11" ht="19.2">
      <c r="B191" s="252"/>
      <c r="C191" s="17"/>
      <c r="D191" s="321" t="s">
        <v>423</v>
      </c>
      <c r="E191" s="6"/>
      <c r="H191" s="252"/>
      <c r="I191" s="11"/>
      <c r="J191" s="324" t="s">
        <v>1084</v>
      </c>
      <c r="K191" s="341" t="s">
        <v>547</v>
      </c>
    </row>
    <row r="192" spans="2:11">
      <c r="B192" s="330"/>
      <c r="C192" s="17"/>
      <c r="D192" s="242"/>
      <c r="E192" s="323" t="s">
        <v>1083</v>
      </c>
      <c r="H192" s="330"/>
      <c r="I192" s="11"/>
      <c r="J192" s="364" t="s">
        <v>1085</v>
      </c>
      <c r="K192" s="6"/>
    </row>
    <row r="193" spans="2:11" ht="38.4">
      <c r="B193" s="252"/>
      <c r="C193" s="17"/>
      <c r="D193" s="11"/>
      <c r="E193" s="323" t="s">
        <v>523</v>
      </c>
      <c r="H193" s="252"/>
      <c r="I193" s="286" t="s">
        <v>522</v>
      </c>
      <c r="J193" s="22"/>
      <c r="K193" s="305" t="s">
        <v>549</v>
      </c>
    </row>
    <row r="194" spans="2:11" ht="38.4">
      <c r="B194" s="252"/>
      <c r="C194" s="17"/>
      <c r="D194" s="11"/>
      <c r="E194" s="6"/>
      <c r="H194" s="252"/>
      <c r="I194" s="11"/>
      <c r="J194" s="304" t="s">
        <v>1086</v>
      </c>
      <c r="K194" s="6"/>
    </row>
    <row r="195" spans="2:11">
      <c r="B195" s="252"/>
      <c r="C195" s="17"/>
      <c r="D195" s="11"/>
      <c r="E195" s="6"/>
      <c r="H195" s="252"/>
      <c r="I195" s="11"/>
      <c r="J195" s="22"/>
      <c r="K195" s="305" t="s">
        <v>1087</v>
      </c>
    </row>
    <row r="196" spans="2:11" ht="28.8">
      <c r="B196" s="267" t="s">
        <v>65</v>
      </c>
      <c r="C196" s="291" t="s">
        <v>32</v>
      </c>
      <c r="D196" s="340" t="s">
        <v>822</v>
      </c>
      <c r="E196" s="52"/>
      <c r="H196" s="267" t="s">
        <v>1088</v>
      </c>
      <c r="I196" s="2" t="s">
        <v>1089</v>
      </c>
      <c r="J196" s="43"/>
      <c r="K196" s="372" t="s">
        <v>825</v>
      </c>
    </row>
    <row r="197" spans="2:11" ht="38.4">
      <c r="B197" s="252"/>
      <c r="C197" s="17"/>
      <c r="D197" s="321" t="s">
        <v>821</v>
      </c>
      <c r="E197" s="6" t="s">
        <v>823</v>
      </c>
      <c r="H197" s="252"/>
      <c r="I197" s="11"/>
      <c r="J197" s="22"/>
      <c r="K197" s="6"/>
    </row>
    <row r="198" spans="2:11" ht="28.8">
      <c r="B198" s="252"/>
      <c r="C198" s="17"/>
      <c r="D198" s="11"/>
      <c r="E198" s="6"/>
      <c r="H198" s="252"/>
      <c r="I198" s="11"/>
      <c r="J198" s="22"/>
      <c r="K198" s="305" t="s">
        <v>1090</v>
      </c>
    </row>
    <row r="199" spans="2:11" ht="38.4">
      <c r="B199" s="252"/>
      <c r="C199" s="17"/>
      <c r="D199" s="321" t="s">
        <v>414</v>
      </c>
      <c r="E199" s="6"/>
      <c r="H199" s="252"/>
      <c r="I199" s="11"/>
      <c r="J199" s="324" t="s">
        <v>824</v>
      </c>
      <c r="K199" s="6"/>
    </row>
    <row r="200" spans="2:11" ht="19.2">
      <c r="B200" s="252"/>
      <c r="C200" s="17"/>
      <c r="D200" s="321" t="s">
        <v>415</v>
      </c>
      <c r="E200" s="6"/>
      <c r="H200" s="252"/>
      <c r="I200" s="11"/>
      <c r="J200" s="324" t="s">
        <v>753</v>
      </c>
      <c r="K200" s="6"/>
    </row>
    <row r="201" spans="2:11" ht="19.2">
      <c r="B201" s="252"/>
      <c r="C201" s="17"/>
      <c r="D201" s="321" t="s">
        <v>750</v>
      </c>
      <c r="E201" s="6"/>
      <c r="H201" s="252"/>
      <c r="I201" s="11"/>
      <c r="J201" s="22"/>
      <c r="K201" s="341" t="s">
        <v>815</v>
      </c>
    </row>
    <row r="202" spans="2:11" ht="57.6">
      <c r="B202" s="252"/>
      <c r="C202" s="17"/>
      <c r="D202" s="11"/>
      <c r="E202" s="6"/>
      <c r="H202" s="252"/>
      <c r="I202" s="11"/>
      <c r="J202" s="22"/>
      <c r="K202" s="305" t="s">
        <v>1091</v>
      </c>
    </row>
    <row r="203" spans="2:11" ht="19.2">
      <c r="B203" s="250"/>
      <c r="C203" s="17"/>
      <c r="D203" s="321" t="s">
        <v>826</v>
      </c>
      <c r="E203" s="272"/>
      <c r="H203" s="252"/>
      <c r="I203" s="11"/>
      <c r="J203" s="324" t="s">
        <v>752</v>
      </c>
      <c r="K203" s="6"/>
    </row>
    <row r="204" spans="2:11" ht="76.8">
      <c r="B204" s="250"/>
      <c r="C204" s="17"/>
      <c r="D204" s="11"/>
      <c r="E204" s="272"/>
      <c r="H204" s="258"/>
      <c r="I204" s="12"/>
      <c r="J204" s="342" t="s">
        <v>1092</v>
      </c>
      <c r="K204" s="53"/>
    </row>
    <row r="205" spans="2:11" ht="19.2">
      <c r="B205" s="267" t="s">
        <v>66</v>
      </c>
      <c r="C205" s="291" t="s">
        <v>4</v>
      </c>
      <c r="D205" s="2" t="s">
        <v>172</v>
      </c>
      <c r="E205" s="52"/>
      <c r="H205" s="292" t="s">
        <v>305</v>
      </c>
      <c r="I205" s="2" t="s">
        <v>328</v>
      </c>
      <c r="J205" s="43"/>
      <c r="K205" s="52"/>
    </row>
    <row r="206" spans="2:11" ht="19.2">
      <c r="B206" s="258"/>
      <c r="C206" s="18"/>
      <c r="D206" s="12"/>
      <c r="E206" s="53"/>
      <c r="H206" s="258"/>
      <c r="I206" s="12"/>
      <c r="J206" s="342" t="s">
        <v>1093</v>
      </c>
      <c r="K206" s="53"/>
    </row>
    <row r="207" spans="2:11" ht="28.8">
      <c r="B207" s="263" t="s">
        <v>67</v>
      </c>
      <c r="C207" s="373" t="s">
        <v>68</v>
      </c>
      <c r="D207" s="4" t="s">
        <v>69</v>
      </c>
      <c r="E207" s="58"/>
      <c r="H207" s="369" t="s">
        <v>306</v>
      </c>
      <c r="I207" s="95" t="s">
        <v>329</v>
      </c>
      <c r="J207" s="374" t="s">
        <v>1094</v>
      </c>
      <c r="K207" s="375" t="s">
        <v>1095</v>
      </c>
    </row>
    <row r="208" spans="2:11" ht="77.400000000000006" thickBot="1">
      <c r="B208" s="556" t="s">
        <v>830</v>
      </c>
      <c r="C208" s="557"/>
      <c r="D208" s="98"/>
      <c r="E208" s="99"/>
      <c r="H208" s="266"/>
      <c r="I208" s="376" t="s">
        <v>1096</v>
      </c>
      <c r="J208" s="377"/>
      <c r="K208" s="378" t="s">
        <v>1097</v>
      </c>
    </row>
    <row r="209" spans="2:11" ht="15" thickTop="1">
      <c r="B209" s="30"/>
    </row>
    <row r="210" spans="2:11" ht="16.2">
      <c r="B210" s="278" t="s">
        <v>241</v>
      </c>
    </row>
    <row r="211" spans="2:11" ht="6.75" customHeight="1" thickBot="1"/>
    <row r="212" spans="2:11" ht="15" customHeight="1" thickTop="1" thickBot="1">
      <c r="B212" s="528" t="s">
        <v>0</v>
      </c>
      <c r="C212" s="529"/>
      <c r="D212" s="85" t="s">
        <v>158</v>
      </c>
      <c r="E212" s="86" t="s">
        <v>1</v>
      </c>
      <c r="H212" s="257" t="s">
        <v>274</v>
      </c>
      <c r="I212" s="85" t="s">
        <v>275</v>
      </c>
      <c r="J212" s="87" t="s">
        <v>276</v>
      </c>
      <c r="K212" s="86" t="s">
        <v>277</v>
      </c>
    </row>
    <row r="213" spans="2:11" ht="159" customHeight="1">
      <c r="B213" s="537" t="s">
        <v>1105</v>
      </c>
      <c r="C213" s="538"/>
      <c r="D213" s="12" t="s">
        <v>240</v>
      </c>
      <c r="E213" s="53"/>
      <c r="H213" s="258" t="s">
        <v>333</v>
      </c>
      <c r="I213" s="12" t="s">
        <v>831</v>
      </c>
      <c r="J213" s="20" t="s">
        <v>528</v>
      </c>
      <c r="K213" s="53" t="s">
        <v>832</v>
      </c>
    </row>
    <row r="214" spans="2:11" ht="28.8">
      <c r="B214" s="333" t="s">
        <v>70</v>
      </c>
      <c r="C214" s="291" t="s">
        <v>71</v>
      </c>
      <c r="D214" s="2"/>
      <c r="E214" s="307" t="s">
        <v>175</v>
      </c>
      <c r="H214" s="292" t="s">
        <v>334</v>
      </c>
      <c r="I214" s="249" t="s">
        <v>1099</v>
      </c>
      <c r="J214" s="336" t="s">
        <v>529</v>
      </c>
      <c r="K214" s="146" t="s">
        <v>1100</v>
      </c>
    </row>
    <row r="215" spans="2:11" ht="28.8">
      <c r="B215" s="330"/>
      <c r="C215" s="371"/>
      <c r="D215" s="242"/>
      <c r="E215" s="147"/>
      <c r="H215" s="379"/>
      <c r="I215" s="367" t="s">
        <v>1098</v>
      </c>
      <c r="J215" s="380"/>
      <c r="K215" s="366" t="s">
        <v>1101</v>
      </c>
    </row>
    <row r="216" spans="2:11" ht="134.4">
      <c r="B216" s="267" t="s">
        <v>72</v>
      </c>
      <c r="C216" s="291" t="s">
        <v>1102</v>
      </c>
      <c r="D216" s="2"/>
      <c r="E216" s="307" t="s">
        <v>176</v>
      </c>
      <c r="H216" s="292" t="s">
        <v>1104</v>
      </c>
      <c r="I216" s="308" t="s">
        <v>1103</v>
      </c>
      <c r="J216" s="336" t="s">
        <v>833</v>
      </c>
      <c r="K216" s="307" t="s">
        <v>556</v>
      </c>
    </row>
    <row r="217" spans="2:11" ht="19.2">
      <c r="B217" s="252"/>
      <c r="C217" s="17"/>
      <c r="D217" s="11"/>
      <c r="E217" s="6"/>
      <c r="H217" s="252"/>
      <c r="I217" s="11"/>
      <c r="J217" s="304" t="s">
        <v>1106</v>
      </c>
      <c r="K217" s="6"/>
    </row>
    <row r="218" spans="2:11" ht="19.2">
      <c r="B218" s="267" t="s">
        <v>46</v>
      </c>
      <c r="C218" s="291" t="s">
        <v>177</v>
      </c>
      <c r="D218" s="2"/>
      <c r="E218" s="52"/>
      <c r="H218" s="267"/>
      <c r="I218" s="2"/>
      <c r="J218" s="43"/>
      <c r="K218" s="52"/>
    </row>
    <row r="219" spans="2:11" ht="57.6">
      <c r="B219" s="252"/>
      <c r="C219" s="17"/>
      <c r="D219" s="11"/>
      <c r="E219" s="323" t="s">
        <v>425</v>
      </c>
      <c r="H219" s="252"/>
      <c r="I219" s="11"/>
      <c r="J219" s="22"/>
      <c r="K219" s="285" t="s">
        <v>834</v>
      </c>
    </row>
    <row r="220" spans="2:11" ht="38.4">
      <c r="B220" s="252"/>
      <c r="C220" s="17"/>
      <c r="D220" s="11"/>
      <c r="E220" s="323" t="s">
        <v>426</v>
      </c>
      <c r="H220" s="258"/>
      <c r="I220" s="12"/>
      <c r="J220" s="20"/>
      <c r="K220" s="366" t="s">
        <v>531</v>
      </c>
    </row>
    <row r="221" spans="2:11" ht="28.8">
      <c r="B221" s="267" t="s">
        <v>73</v>
      </c>
      <c r="C221" s="291" t="s">
        <v>835</v>
      </c>
      <c r="D221" s="340" t="s">
        <v>536</v>
      </c>
      <c r="E221" s="52"/>
      <c r="H221" s="267"/>
      <c r="I221" s="2"/>
      <c r="J221" s="336" t="s">
        <v>1108</v>
      </c>
      <c r="K221" s="372" t="s">
        <v>557</v>
      </c>
    </row>
    <row r="222" spans="2:11" ht="38.4">
      <c r="B222" s="252"/>
      <c r="C222" s="320" t="s">
        <v>836</v>
      </c>
      <c r="D222" s="11"/>
      <c r="E222" s="6"/>
      <c r="H222" s="330"/>
      <c r="I222" s="11"/>
      <c r="J222" s="22"/>
      <c r="K222" s="341" t="s">
        <v>1107</v>
      </c>
    </row>
    <row r="223" spans="2:11" ht="57.6">
      <c r="B223" s="330"/>
      <c r="C223" s="371"/>
      <c r="D223" s="11"/>
      <c r="E223" s="6"/>
      <c r="H223" s="330"/>
      <c r="I223" s="11"/>
      <c r="J223" s="22"/>
      <c r="K223" s="305" t="s">
        <v>1109</v>
      </c>
    </row>
    <row r="224" spans="2:11" ht="48">
      <c r="B224" s="267" t="s">
        <v>74</v>
      </c>
      <c r="C224" s="291" t="s">
        <v>178</v>
      </c>
      <c r="D224" s="340" t="s">
        <v>1110</v>
      </c>
      <c r="E224" s="52"/>
      <c r="H224" s="292" t="s">
        <v>335</v>
      </c>
      <c r="I224" s="2" t="s">
        <v>343</v>
      </c>
      <c r="J224" s="336" t="s">
        <v>561</v>
      </c>
      <c r="K224" s="52"/>
    </row>
    <row r="225" spans="2:11" ht="28.8">
      <c r="B225" s="330"/>
      <c r="C225" s="371"/>
      <c r="D225" s="321" t="s">
        <v>1111</v>
      </c>
      <c r="E225" s="147"/>
      <c r="F225" s="32"/>
      <c r="G225" s="32"/>
      <c r="H225" s="361"/>
      <c r="I225" s="11"/>
      <c r="J225" s="22"/>
      <c r="K225" s="341" t="s">
        <v>1118</v>
      </c>
    </row>
    <row r="226" spans="2:11" ht="48">
      <c r="B226" s="252"/>
      <c r="C226" s="17"/>
      <c r="D226" s="11"/>
      <c r="E226" s="6"/>
      <c r="H226" s="252"/>
      <c r="I226" s="11"/>
      <c r="J226" s="304" t="s">
        <v>1112</v>
      </c>
      <c r="K226" s="305" t="s">
        <v>1113</v>
      </c>
    </row>
    <row r="227" spans="2:11" ht="28.8">
      <c r="B227" s="252"/>
      <c r="C227" s="17"/>
      <c r="D227" s="321" t="s">
        <v>427</v>
      </c>
      <c r="E227" s="6"/>
      <c r="H227" s="252"/>
      <c r="I227" s="11"/>
      <c r="J227" s="324" t="s">
        <v>560</v>
      </c>
      <c r="K227" s="6"/>
    </row>
    <row r="228" spans="2:11" ht="48">
      <c r="B228" s="330"/>
      <c r="C228" s="17"/>
      <c r="D228" s="242"/>
      <c r="E228" s="6"/>
      <c r="H228" s="330"/>
      <c r="I228" s="11"/>
      <c r="J228" s="243"/>
      <c r="K228" s="305" t="s">
        <v>1114</v>
      </c>
    </row>
    <row r="229" spans="2:11" ht="19.2">
      <c r="B229" s="252"/>
      <c r="C229" s="17"/>
      <c r="D229" s="11"/>
      <c r="E229" s="6"/>
      <c r="H229" s="252"/>
      <c r="I229" s="11"/>
      <c r="J229" s="22"/>
      <c r="K229" s="305" t="s">
        <v>1115</v>
      </c>
    </row>
    <row r="230" spans="2:11" ht="38.4">
      <c r="B230" s="252"/>
      <c r="C230" s="17"/>
      <c r="D230" s="11"/>
      <c r="E230" s="323" t="s">
        <v>428</v>
      </c>
      <c r="H230" s="252"/>
      <c r="I230" s="11"/>
      <c r="J230" s="364" t="s">
        <v>1120</v>
      </c>
      <c r="K230" s="323" t="s">
        <v>1119</v>
      </c>
    </row>
    <row r="231" spans="2:11">
      <c r="B231" s="252"/>
      <c r="C231" s="17"/>
      <c r="D231" s="11"/>
      <c r="E231" s="345" t="s">
        <v>532</v>
      </c>
      <c r="H231" s="252"/>
      <c r="I231" s="11"/>
      <c r="J231" s="22"/>
      <c r="K231" s="6"/>
    </row>
    <row r="232" spans="2:11" ht="28.8">
      <c r="B232" s="252"/>
      <c r="C232" s="17"/>
      <c r="D232" s="11"/>
      <c r="E232" s="6"/>
      <c r="H232" s="258"/>
      <c r="I232" s="12"/>
      <c r="J232" s="342" t="s">
        <v>1116</v>
      </c>
      <c r="K232" s="53"/>
    </row>
    <row r="233" spans="2:11" ht="96">
      <c r="B233" s="267" t="s">
        <v>75</v>
      </c>
      <c r="C233" s="291" t="s">
        <v>179</v>
      </c>
      <c r="D233" s="2"/>
      <c r="E233" s="52"/>
      <c r="H233" s="292" t="s">
        <v>1126</v>
      </c>
      <c r="I233" s="2" t="s">
        <v>1124</v>
      </c>
      <c r="J233" s="336" t="s">
        <v>1117</v>
      </c>
      <c r="K233" s="52"/>
    </row>
    <row r="234" spans="2:11" ht="57.6">
      <c r="B234" s="330"/>
      <c r="C234" s="371"/>
      <c r="D234" s="242"/>
      <c r="E234" s="147"/>
      <c r="F234" s="32"/>
      <c r="G234" s="32"/>
      <c r="H234" s="361"/>
      <c r="I234" s="11"/>
      <c r="J234" s="304" t="s">
        <v>1121</v>
      </c>
      <c r="K234" s="305"/>
    </row>
    <row r="235" spans="2:11" ht="96">
      <c r="B235" s="252"/>
      <c r="C235" s="17"/>
      <c r="D235" s="11"/>
      <c r="E235" s="6"/>
      <c r="H235" s="252"/>
      <c r="I235" s="11"/>
      <c r="J235" s="304" t="s">
        <v>1122</v>
      </c>
      <c r="K235" s="305" t="s">
        <v>1123</v>
      </c>
    </row>
    <row r="236" spans="2:11" ht="38.4">
      <c r="B236" s="267" t="s">
        <v>76</v>
      </c>
      <c r="C236" s="291" t="s">
        <v>180</v>
      </c>
      <c r="D236" s="2"/>
      <c r="E236" s="52"/>
      <c r="H236" s="292" t="s">
        <v>336</v>
      </c>
      <c r="I236" s="2" t="s">
        <v>341</v>
      </c>
      <c r="J236" s="336" t="s">
        <v>563</v>
      </c>
      <c r="K236" s="357" t="s">
        <v>1125</v>
      </c>
    </row>
    <row r="237" spans="2:11" ht="111" customHeight="1">
      <c r="B237" s="267" t="s">
        <v>77</v>
      </c>
      <c r="C237" s="291" t="s">
        <v>181</v>
      </c>
      <c r="D237" s="2"/>
      <c r="E237" s="52"/>
      <c r="H237" s="292" t="s">
        <v>1128</v>
      </c>
      <c r="I237" s="3" t="s">
        <v>1127</v>
      </c>
      <c r="J237" s="336" t="s">
        <v>562</v>
      </c>
      <c r="K237" s="357" t="s">
        <v>1129</v>
      </c>
    </row>
    <row r="238" spans="2:11" ht="69.75" customHeight="1">
      <c r="B238" s="270" t="s">
        <v>78</v>
      </c>
      <c r="C238" s="309" t="s">
        <v>339</v>
      </c>
      <c r="D238" s="382" t="s">
        <v>340</v>
      </c>
      <c r="E238" s="60"/>
      <c r="H238" s="381" t="s">
        <v>337</v>
      </c>
      <c r="I238" s="3" t="s">
        <v>342</v>
      </c>
      <c r="J238" s="24" t="s">
        <v>837</v>
      </c>
      <c r="K238" s="55" t="s">
        <v>533</v>
      </c>
    </row>
    <row r="239" spans="2:11" ht="48">
      <c r="B239" s="333" t="s">
        <v>79</v>
      </c>
      <c r="C239" s="291" t="s">
        <v>182</v>
      </c>
      <c r="D239" s="3"/>
      <c r="E239" s="52"/>
      <c r="H239" s="381" t="s">
        <v>1132</v>
      </c>
      <c r="I239" s="2" t="s">
        <v>1133</v>
      </c>
      <c r="J239" s="384" t="s">
        <v>1130</v>
      </c>
      <c r="K239" s="55"/>
    </row>
    <row r="240" spans="2:11" ht="38.4">
      <c r="B240" s="331"/>
      <c r="C240" s="343"/>
      <c r="D240" s="4"/>
      <c r="E240" s="53"/>
      <c r="H240" s="383"/>
      <c r="I240" s="11"/>
      <c r="J240" s="385" t="s">
        <v>1131</v>
      </c>
      <c r="K240" s="334"/>
    </row>
    <row r="241" spans="2:11" ht="57.6">
      <c r="B241" s="330" t="s">
        <v>80</v>
      </c>
      <c r="C241" s="320" t="s">
        <v>183</v>
      </c>
      <c r="D241" s="11"/>
      <c r="E241" s="6"/>
      <c r="H241" s="292" t="s">
        <v>338</v>
      </c>
      <c r="I241" s="2" t="s">
        <v>1135</v>
      </c>
      <c r="J241" s="336" t="s">
        <v>1138</v>
      </c>
      <c r="K241" s="357" t="s">
        <v>1139</v>
      </c>
    </row>
    <row r="242" spans="2:11" ht="48">
      <c r="B242" s="330"/>
      <c r="C242" s="371"/>
      <c r="D242" s="11"/>
      <c r="E242" s="6"/>
      <c r="H242" s="330"/>
      <c r="I242" s="11"/>
      <c r="J242" s="304" t="s">
        <v>1140</v>
      </c>
      <c r="K242" s="6"/>
    </row>
    <row r="243" spans="2:11" ht="38.4">
      <c r="B243" s="331"/>
      <c r="C243" s="386"/>
      <c r="D243" s="12"/>
      <c r="E243" s="366" t="s">
        <v>1134</v>
      </c>
      <c r="H243" s="331"/>
      <c r="I243" s="367" t="s">
        <v>1136</v>
      </c>
      <c r="J243" s="20"/>
      <c r="K243" s="366" t="s">
        <v>1137</v>
      </c>
    </row>
    <row r="244" spans="2:11" ht="48">
      <c r="B244" s="263" t="s">
        <v>527</v>
      </c>
      <c r="C244" s="92"/>
      <c r="D244" s="4"/>
      <c r="E244" s="58"/>
      <c r="H244" s="263"/>
      <c r="I244" s="4"/>
      <c r="J244" s="387"/>
      <c r="K244" s="388" t="s">
        <v>1141</v>
      </c>
    </row>
    <row r="245" spans="2:11" ht="28.8">
      <c r="B245" s="263" t="s">
        <v>530</v>
      </c>
      <c r="C245" s="92"/>
      <c r="D245" s="4"/>
      <c r="E245" s="58"/>
      <c r="H245" s="263"/>
      <c r="I245" s="4"/>
      <c r="J245" s="387" t="s">
        <v>1142</v>
      </c>
      <c r="K245" s="388"/>
    </row>
    <row r="246" spans="2:11" ht="28.8">
      <c r="B246" s="263" t="s">
        <v>534</v>
      </c>
      <c r="C246" s="92"/>
      <c r="D246" s="4"/>
      <c r="E246" s="58"/>
      <c r="H246" s="263"/>
      <c r="I246" s="4"/>
      <c r="J246" s="387" t="s">
        <v>1143</v>
      </c>
      <c r="K246" s="388"/>
    </row>
    <row r="247" spans="2:11" ht="19.2">
      <c r="B247" s="263" t="s">
        <v>535</v>
      </c>
      <c r="C247" s="92"/>
      <c r="D247" s="4"/>
      <c r="E247" s="58"/>
      <c r="H247" s="263"/>
      <c r="I247" s="4"/>
      <c r="J247" s="387" t="s">
        <v>1144</v>
      </c>
      <c r="K247" s="388"/>
    </row>
    <row r="248" spans="2:11" ht="28.8">
      <c r="B248" s="263" t="s">
        <v>537</v>
      </c>
      <c r="C248" s="92"/>
      <c r="D248" s="4"/>
      <c r="E248" s="58"/>
      <c r="H248" s="263"/>
      <c r="I248" s="4"/>
      <c r="J248" s="387" t="s">
        <v>1145</v>
      </c>
      <c r="K248" s="388" t="s">
        <v>1146</v>
      </c>
    </row>
    <row r="249" spans="2:11" ht="174" customHeight="1" thickBot="1">
      <c r="B249" s="77" t="s">
        <v>564</v>
      </c>
      <c r="C249" s="101"/>
      <c r="D249" s="98"/>
      <c r="E249" s="99"/>
      <c r="H249" s="77"/>
      <c r="I249" s="98"/>
      <c r="J249" s="389"/>
      <c r="K249" s="390" t="s">
        <v>1147</v>
      </c>
    </row>
    <row r="250" spans="2:11" ht="15" thickTop="1">
      <c r="B250" s="30"/>
    </row>
    <row r="251" spans="2:11" ht="16.2">
      <c r="B251" s="278" t="s">
        <v>569</v>
      </c>
    </row>
    <row r="252" spans="2:11" ht="6" customHeight="1" thickBot="1"/>
    <row r="253" spans="2:11" ht="15" customHeight="1" thickTop="1" thickBot="1">
      <c r="B253" s="528" t="s">
        <v>0</v>
      </c>
      <c r="C253" s="529"/>
      <c r="D253" s="85" t="s">
        <v>158</v>
      </c>
      <c r="E253" s="86" t="s">
        <v>1</v>
      </c>
      <c r="H253" s="257" t="s">
        <v>274</v>
      </c>
      <c r="I253" s="85" t="s">
        <v>275</v>
      </c>
      <c r="J253" s="87" t="s">
        <v>276</v>
      </c>
      <c r="K253" s="86" t="s">
        <v>277</v>
      </c>
    </row>
    <row r="254" spans="2:11">
      <c r="B254" s="126" t="s">
        <v>572</v>
      </c>
      <c r="C254" s="31"/>
      <c r="D254" s="107"/>
      <c r="E254" s="112"/>
      <c r="F254" s="32"/>
      <c r="G254" s="32"/>
      <c r="H254" s="122"/>
      <c r="I254" s="107"/>
      <c r="J254" s="110"/>
      <c r="K254" s="112"/>
    </row>
    <row r="255" spans="2:11" ht="38.4">
      <c r="B255" s="113" t="s">
        <v>838</v>
      </c>
      <c r="C255" s="103"/>
      <c r="D255" s="39"/>
      <c r="E255" s="61"/>
      <c r="H255" s="73"/>
      <c r="I255" s="39"/>
      <c r="J255" s="391"/>
      <c r="K255" s="392" t="s">
        <v>570</v>
      </c>
    </row>
    <row r="256" spans="2:11" ht="76.8">
      <c r="B256" s="114"/>
      <c r="C256" s="104"/>
      <c r="D256" s="108"/>
      <c r="E256" s="115"/>
      <c r="H256" s="252"/>
      <c r="I256" s="11"/>
      <c r="J256" s="304" t="s">
        <v>1148</v>
      </c>
      <c r="K256" s="305" t="s">
        <v>1149</v>
      </c>
    </row>
    <row r="257" spans="2:11" ht="28.8">
      <c r="B257" s="113" t="s">
        <v>839</v>
      </c>
      <c r="C257" s="103"/>
      <c r="D257" s="39"/>
      <c r="E257" s="61"/>
      <c r="H257" s="73"/>
      <c r="I257" s="39"/>
      <c r="J257" s="391"/>
      <c r="K257" s="392" t="s">
        <v>1150</v>
      </c>
    </row>
    <row r="258" spans="2:11" ht="48">
      <c r="B258" s="114"/>
      <c r="C258" s="104"/>
      <c r="D258" s="108"/>
      <c r="E258" s="115"/>
      <c r="H258" s="252"/>
      <c r="I258" s="11"/>
      <c r="J258" s="304" t="s">
        <v>1151</v>
      </c>
      <c r="K258" s="305"/>
    </row>
    <row r="259" spans="2:11" ht="19.2">
      <c r="B259" s="113" t="s">
        <v>840</v>
      </c>
      <c r="C259" s="103"/>
      <c r="D259" s="39"/>
      <c r="E259" s="61"/>
      <c r="H259" s="73"/>
      <c r="I259" s="39"/>
      <c r="J259" s="391" t="s">
        <v>1152</v>
      </c>
      <c r="K259" s="392"/>
    </row>
    <row r="260" spans="2:11" ht="57.6">
      <c r="B260" s="116" t="s">
        <v>841</v>
      </c>
      <c r="C260" s="105"/>
      <c r="D260" s="40"/>
      <c r="E260" s="62"/>
      <c r="H260" s="74"/>
      <c r="I260" s="40"/>
      <c r="J260" s="393" t="s">
        <v>1153</v>
      </c>
      <c r="K260" s="394" t="s">
        <v>1154</v>
      </c>
    </row>
    <row r="261" spans="2:11">
      <c r="B261" s="114" t="s">
        <v>842</v>
      </c>
      <c r="C261" s="104"/>
      <c r="D261" s="108"/>
      <c r="E261" s="115"/>
      <c r="H261" s="123"/>
      <c r="I261" s="108"/>
      <c r="J261" s="395" t="s">
        <v>1155</v>
      </c>
      <c r="K261" s="396"/>
    </row>
    <row r="262" spans="2:11" ht="67.2">
      <c r="B262" s="255" t="s">
        <v>843</v>
      </c>
      <c r="C262" s="253"/>
      <c r="D262" s="11"/>
      <c r="E262" s="6"/>
      <c r="H262" s="252"/>
      <c r="I262" s="11"/>
      <c r="J262" s="304"/>
      <c r="K262" s="305" t="s">
        <v>573</v>
      </c>
    </row>
    <row r="263" spans="2:11" ht="144" customHeight="1">
      <c r="B263" s="255"/>
      <c r="C263" s="253"/>
      <c r="D263" s="11"/>
      <c r="E263" s="6"/>
      <c r="H263" s="252"/>
      <c r="I263" s="11"/>
      <c r="J263" s="304"/>
      <c r="K263" s="305" t="s">
        <v>574</v>
      </c>
    </row>
    <row r="264" spans="2:11" ht="19.2">
      <c r="B264" s="255"/>
      <c r="C264" s="253"/>
      <c r="D264" s="11"/>
      <c r="E264" s="6"/>
      <c r="H264" s="258"/>
      <c r="I264" s="12"/>
      <c r="J264" s="342"/>
      <c r="K264" s="325" t="s">
        <v>1156</v>
      </c>
    </row>
    <row r="265" spans="2:11">
      <c r="B265" s="127" t="s">
        <v>575</v>
      </c>
      <c r="C265" s="106"/>
      <c r="D265" s="109"/>
      <c r="E265" s="117"/>
      <c r="F265" s="32"/>
      <c r="G265" s="32"/>
      <c r="H265" s="124"/>
      <c r="I265" s="109"/>
      <c r="J265" s="397"/>
      <c r="K265" s="398"/>
    </row>
    <row r="266" spans="2:11" ht="140.25" customHeight="1" thickBot="1">
      <c r="B266" s="118" t="s">
        <v>576</v>
      </c>
      <c r="C266" s="119"/>
      <c r="D266" s="120"/>
      <c r="E266" s="121"/>
      <c r="H266" s="125"/>
      <c r="I266" s="120"/>
      <c r="J266" s="399" t="s">
        <v>1157</v>
      </c>
      <c r="K266" s="400" t="s">
        <v>1158</v>
      </c>
    </row>
    <row r="267" spans="2:11" ht="15" thickTop="1">
      <c r="B267" s="253"/>
      <c r="C267" s="253"/>
      <c r="D267" s="253"/>
      <c r="E267" s="253"/>
      <c r="H267" s="253"/>
      <c r="I267" s="253"/>
      <c r="J267" s="253"/>
      <c r="K267" s="253"/>
    </row>
    <row r="268" spans="2:11" ht="16.2">
      <c r="B268" s="278" t="s">
        <v>242</v>
      </c>
    </row>
    <row r="269" spans="2:11" ht="15" thickBot="1">
      <c r="B269" s="30"/>
      <c r="J269" s="551" t="s">
        <v>844</v>
      </c>
      <c r="K269" s="551"/>
    </row>
    <row r="270" spans="2:11" ht="15" customHeight="1" thickTop="1" thickBot="1">
      <c r="B270" s="528" t="s">
        <v>0</v>
      </c>
      <c r="C270" s="529"/>
      <c r="D270" s="85" t="s">
        <v>158</v>
      </c>
      <c r="E270" s="86" t="s">
        <v>1</v>
      </c>
      <c r="H270" s="257" t="s">
        <v>274</v>
      </c>
      <c r="I270" s="144" t="s">
        <v>275</v>
      </c>
      <c r="J270" s="85" t="s">
        <v>276</v>
      </c>
      <c r="K270" s="86" t="s">
        <v>277</v>
      </c>
    </row>
    <row r="271" spans="2:11" ht="126" customHeight="1">
      <c r="B271" s="537" t="s">
        <v>344</v>
      </c>
      <c r="C271" s="538"/>
      <c r="D271" s="12" t="s">
        <v>243</v>
      </c>
      <c r="E271" s="53" t="s">
        <v>244</v>
      </c>
      <c r="H271" s="252"/>
      <c r="I271" s="136" t="s">
        <v>352</v>
      </c>
      <c r="J271" s="11"/>
      <c r="K271" s="6" t="s">
        <v>610</v>
      </c>
    </row>
    <row r="272" spans="2:11" ht="28.8">
      <c r="B272" s="267" t="s">
        <v>611</v>
      </c>
      <c r="C272" s="16"/>
      <c r="D272" s="76"/>
      <c r="E272" s="52"/>
      <c r="H272" s="270"/>
      <c r="I272" s="137"/>
      <c r="J272" s="1" t="s">
        <v>612</v>
      </c>
      <c r="K272" s="60"/>
    </row>
    <row r="273" spans="2:11" ht="28.8">
      <c r="B273" s="270" t="s">
        <v>614</v>
      </c>
      <c r="C273" s="19"/>
      <c r="D273" s="132"/>
      <c r="E273" s="60"/>
      <c r="H273" s="252"/>
      <c r="I273" s="136"/>
      <c r="J273" s="11" t="s">
        <v>580</v>
      </c>
      <c r="K273" s="6"/>
    </row>
    <row r="274" spans="2:11" ht="38.4">
      <c r="B274" s="258" t="s">
        <v>81</v>
      </c>
      <c r="C274" s="18" t="s">
        <v>184</v>
      </c>
      <c r="D274" s="133"/>
      <c r="E274" s="53" t="s">
        <v>171</v>
      </c>
      <c r="H274" s="270"/>
      <c r="I274" s="137" t="s">
        <v>353</v>
      </c>
      <c r="J274" s="1" t="s">
        <v>579</v>
      </c>
      <c r="K274" s="60" t="s">
        <v>613</v>
      </c>
    </row>
    <row r="275" spans="2:11" ht="48">
      <c r="B275" s="267" t="s">
        <v>82</v>
      </c>
      <c r="C275" s="16" t="s">
        <v>348</v>
      </c>
      <c r="D275" s="2"/>
      <c r="E275" s="52"/>
      <c r="H275" s="252"/>
      <c r="I275" s="136" t="s">
        <v>354</v>
      </c>
      <c r="J275" s="11" t="s">
        <v>604</v>
      </c>
      <c r="K275" s="6"/>
    </row>
    <row r="276" spans="2:11" ht="76.8">
      <c r="B276" s="252"/>
      <c r="C276" s="17"/>
      <c r="D276" s="11" t="s">
        <v>430</v>
      </c>
      <c r="E276" s="6"/>
      <c r="H276" s="252"/>
      <c r="I276" s="136"/>
      <c r="J276" s="11" t="s">
        <v>845</v>
      </c>
      <c r="K276" s="6" t="s">
        <v>615</v>
      </c>
    </row>
    <row r="277" spans="2:11" ht="86.4">
      <c r="B277" s="252"/>
      <c r="C277" s="17"/>
      <c r="D277" s="11"/>
      <c r="E277" s="6"/>
      <c r="H277" s="252"/>
      <c r="I277" s="136"/>
      <c r="J277" s="11" t="s">
        <v>847</v>
      </c>
      <c r="K277" s="6" t="s">
        <v>846</v>
      </c>
    </row>
    <row r="278" spans="2:11" ht="28.8">
      <c r="B278" s="252"/>
      <c r="C278" s="17"/>
      <c r="D278" s="11"/>
      <c r="E278" s="6"/>
      <c r="H278" s="252"/>
      <c r="I278" s="136"/>
      <c r="J278" s="11" t="s">
        <v>849</v>
      </c>
      <c r="K278" s="6" t="s">
        <v>848</v>
      </c>
    </row>
    <row r="279" spans="2:11" ht="86.4">
      <c r="B279" s="252"/>
      <c r="C279" s="17"/>
      <c r="D279" s="11" t="s">
        <v>429</v>
      </c>
      <c r="E279" s="6"/>
      <c r="H279" s="252"/>
      <c r="I279" s="136"/>
      <c r="J279" s="11" t="s">
        <v>850</v>
      </c>
      <c r="K279" s="6"/>
    </row>
    <row r="280" spans="2:11">
      <c r="B280" s="252"/>
      <c r="C280" s="17"/>
      <c r="D280" s="11"/>
      <c r="E280" s="6" t="s">
        <v>431</v>
      </c>
      <c r="H280" s="252"/>
      <c r="I280" s="136"/>
      <c r="J280" s="11"/>
      <c r="K280" s="6"/>
    </row>
    <row r="281" spans="2:11">
      <c r="B281" s="252"/>
      <c r="C281" s="17"/>
      <c r="D281" s="11"/>
      <c r="E281" s="6" t="s">
        <v>432</v>
      </c>
      <c r="H281" s="252"/>
      <c r="I281" s="136"/>
      <c r="J281" s="11"/>
      <c r="K281" s="6"/>
    </row>
    <row r="282" spans="2:11" ht="48">
      <c r="B282" s="252"/>
      <c r="C282" s="17"/>
      <c r="D282" s="11"/>
      <c r="E282" s="6" t="s">
        <v>433</v>
      </c>
      <c r="H282" s="252"/>
      <c r="I282" s="136"/>
      <c r="J282" s="11" t="s">
        <v>605</v>
      </c>
      <c r="K282" s="6" t="s">
        <v>606</v>
      </c>
    </row>
    <row r="283" spans="2:11" ht="96">
      <c r="B283" s="270" t="s">
        <v>83</v>
      </c>
      <c r="C283" s="19" t="s">
        <v>185</v>
      </c>
      <c r="D283" s="1"/>
      <c r="E283" s="60"/>
      <c r="H283" s="270" t="s">
        <v>314</v>
      </c>
      <c r="I283" s="137"/>
      <c r="J283" s="1"/>
      <c r="K283" s="60"/>
    </row>
    <row r="284" spans="2:11" ht="96">
      <c r="B284" s="267" t="s">
        <v>84</v>
      </c>
      <c r="C284" s="16" t="s">
        <v>186</v>
      </c>
      <c r="D284" s="2" t="s">
        <v>499</v>
      </c>
      <c r="E284" s="52"/>
      <c r="H284" s="252" t="s">
        <v>899</v>
      </c>
      <c r="I284" s="136"/>
      <c r="J284" s="11" t="s">
        <v>857</v>
      </c>
      <c r="K284" s="6"/>
    </row>
    <row r="285" spans="2:11" ht="28.8">
      <c r="B285" s="252"/>
      <c r="C285" s="17"/>
      <c r="D285" s="25" t="s">
        <v>851</v>
      </c>
      <c r="E285" s="68"/>
      <c r="H285" s="67"/>
      <c r="I285" s="138"/>
      <c r="J285" s="25" t="s">
        <v>900</v>
      </c>
      <c r="K285" s="68"/>
    </row>
    <row r="286" spans="2:11">
      <c r="B286" s="252"/>
      <c r="C286" s="17"/>
      <c r="D286" s="11"/>
      <c r="E286" s="6"/>
      <c r="H286" s="252"/>
      <c r="I286" s="136"/>
      <c r="J286" s="11" t="s">
        <v>852</v>
      </c>
      <c r="K286" s="6"/>
    </row>
    <row r="287" spans="2:11" ht="28.8">
      <c r="B287" s="252"/>
      <c r="C287" s="17"/>
      <c r="D287" s="11"/>
      <c r="E287" s="6"/>
      <c r="H287" s="252"/>
      <c r="I287" s="136"/>
      <c r="J287" s="11" t="s">
        <v>853</v>
      </c>
      <c r="K287" s="6" t="s">
        <v>901</v>
      </c>
    </row>
    <row r="288" spans="2:11" ht="19.2">
      <c r="B288" s="252"/>
      <c r="C288" s="17"/>
      <c r="D288" s="134"/>
      <c r="E288" s="143" t="s">
        <v>944</v>
      </c>
      <c r="H288" s="145"/>
      <c r="I288" s="139"/>
      <c r="J288" s="134"/>
      <c r="K288" s="143" t="s">
        <v>855</v>
      </c>
    </row>
    <row r="289" spans="2:11" ht="28.8">
      <c r="B289" s="252"/>
      <c r="C289" s="17"/>
      <c r="D289" s="25" t="s">
        <v>860</v>
      </c>
      <c r="E289" s="68"/>
      <c r="H289" s="67"/>
      <c r="I289" s="138"/>
      <c r="J289" s="25" t="s">
        <v>902</v>
      </c>
      <c r="K289" s="68"/>
    </row>
    <row r="290" spans="2:11">
      <c r="B290" s="252"/>
      <c r="C290" s="17"/>
      <c r="D290" s="11" t="s">
        <v>858</v>
      </c>
      <c r="E290" s="6"/>
      <c r="H290" s="252"/>
      <c r="I290" s="136"/>
      <c r="J290" s="11"/>
      <c r="K290" s="6"/>
    </row>
    <row r="291" spans="2:11" ht="28.8">
      <c r="B291" s="252"/>
      <c r="C291" s="17"/>
      <c r="D291" s="11"/>
      <c r="E291" s="6"/>
      <c r="H291" s="252"/>
      <c r="I291" s="136"/>
      <c r="J291" s="11" t="s">
        <v>859</v>
      </c>
      <c r="K291" s="6"/>
    </row>
    <row r="292" spans="2:11" ht="86.4">
      <c r="B292" s="252"/>
      <c r="C292" s="17"/>
      <c r="D292" s="134"/>
      <c r="E292" s="143"/>
      <c r="H292" s="145"/>
      <c r="I292" s="139"/>
      <c r="J292" s="134"/>
      <c r="K292" s="143" t="s">
        <v>903</v>
      </c>
    </row>
    <row r="293" spans="2:11" ht="38.4">
      <c r="B293" s="252"/>
      <c r="C293" s="17"/>
      <c r="D293" s="25" t="s">
        <v>856</v>
      </c>
      <c r="E293" s="68"/>
      <c r="H293" s="67"/>
      <c r="I293" s="138"/>
      <c r="J293" s="25"/>
      <c r="K293" s="68"/>
    </row>
    <row r="294" spans="2:11" ht="28.8">
      <c r="B294" s="252"/>
      <c r="C294" s="17"/>
      <c r="D294" s="11" t="s">
        <v>861</v>
      </c>
      <c r="E294" s="6"/>
      <c r="H294" s="252"/>
      <c r="I294" s="136"/>
      <c r="J294" s="11"/>
      <c r="K294" s="6"/>
    </row>
    <row r="295" spans="2:11" ht="19.2">
      <c r="B295" s="252"/>
      <c r="C295" s="17"/>
      <c r="D295" s="134" t="s">
        <v>862</v>
      </c>
      <c r="E295" s="143"/>
      <c r="H295" s="145"/>
      <c r="I295" s="139"/>
      <c r="J295" s="134" t="s">
        <v>904</v>
      </c>
      <c r="K295" s="143"/>
    </row>
    <row r="296" spans="2:11" ht="19.2">
      <c r="B296" s="252"/>
      <c r="C296" s="17"/>
      <c r="D296" s="26"/>
      <c r="E296" s="70" t="s">
        <v>854</v>
      </c>
      <c r="H296" s="69"/>
      <c r="I296" s="140"/>
      <c r="J296" s="26" t="s">
        <v>905</v>
      </c>
      <c r="K296" s="70"/>
    </row>
    <row r="297" spans="2:11" ht="67.2">
      <c r="B297" s="252"/>
      <c r="C297" s="17"/>
      <c r="D297" s="25" t="s">
        <v>869</v>
      </c>
      <c r="E297" s="68"/>
      <c r="H297" s="67"/>
      <c r="I297" s="138"/>
      <c r="J297" s="25" t="s">
        <v>607</v>
      </c>
      <c r="K297" s="68" t="s">
        <v>609</v>
      </c>
    </row>
    <row r="298" spans="2:11" ht="96">
      <c r="B298" s="252"/>
      <c r="C298" s="17"/>
      <c r="D298" s="11" t="s">
        <v>868</v>
      </c>
      <c r="E298" s="6"/>
      <c r="H298" s="252"/>
      <c r="I298" s="136"/>
      <c r="J298" s="11" t="s">
        <v>870</v>
      </c>
      <c r="K298" s="6" t="s">
        <v>871</v>
      </c>
    </row>
    <row r="299" spans="2:11" ht="67.2">
      <c r="B299" s="252"/>
      <c r="C299" s="17"/>
      <c r="D299" s="11"/>
      <c r="E299" s="6" t="s">
        <v>906</v>
      </c>
      <c r="H299" s="252"/>
      <c r="I299" s="136"/>
      <c r="J299" s="11"/>
      <c r="K299" s="6" t="s">
        <v>864</v>
      </c>
    </row>
    <row r="300" spans="2:11" ht="38.4">
      <c r="B300" s="252"/>
      <c r="C300" s="17"/>
      <c r="D300" s="11"/>
      <c r="E300" s="6" t="s">
        <v>863</v>
      </c>
      <c r="H300" s="252"/>
      <c r="I300" s="136"/>
      <c r="J300" s="11" t="s">
        <v>873</v>
      </c>
      <c r="K300" s="6" t="s">
        <v>874</v>
      </c>
    </row>
    <row r="301" spans="2:11" ht="76.8">
      <c r="B301" s="252"/>
      <c r="C301" s="17"/>
      <c r="D301" s="11"/>
      <c r="E301" s="6"/>
      <c r="H301" s="252"/>
      <c r="I301" s="136"/>
      <c r="J301" s="11" t="s">
        <v>872</v>
      </c>
      <c r="K301" s="6"/>
    </row>
    <row r="302" spans="2:11" ht="28.8">
      <c r="B302" s="252"/>
      <c r="C302" s="17"/>
      <c r="D302" s="11" t="s">
        <v>434</v>
      </c>
      <c r="E302" s="6"/>
      <c r="H302" s="252"/>
      <c r="I302" s="136"/>
      <c r="J302" s="11"/>
      <c r="K302" s="6" t="s">
        <v>608</v>
      </c>
    </row>
    <row r="303" spans="2:11" ht="38.4">
      <c r="B303" s="252"/>
      <c r="C303" s="17"/>
      <c r="D303" s="11" t="s">
        <v>436</v>
      </c>
      <c r="E303" s="6"/>
      <c r="H303" s="252"/>
      <c r="I303" s="136"/>
      <c r="J303" s="11" t="s">
        <v>616</v>
      </c>
      <c r="K303" s="6"/>
    </row>
    <row r="304" spans="2:11" ht="38.4">
      <c r="B304" s="252"/>
      <c r="C304" s="17"/>
      <c r="D304" s="134"/>
      <c r="E304" s="143"/>
      <c r="H304" s="145"/>
      <c r="I304" s="139"/>
      <c r="J304" s="134" t="s">
        <v>867</v>
      </c>
      <c r="K304" s="143"/>
    </row>
    <row r="305" spans="2:11" ht="38.4">
      <c r="B305" s="252"/>
      <c r="C305" s="17"/>
      <c r="D305" s="25"/>
      <c r="E305" s="68" t="s">
        <v>435</v>
      </c>
      <c r="H305" s="67"/>
      <c r="I305" s="138"/>
      <c r="J305" s="25" t="s">
        <v>866</v>
      </c>
      <c r="K305" s="68"/>
    </row>
    <row r="306" spans="2:11" ht="67.2">
      <c r="B306" s="252"/>
      <c r="C306" s="17"/>
      <c r="D306" s="11"/>
      <c r="E306" s="6"/>
      <c r="H306" s="252"/>
      <c r="I306" s="136"/>
      <c r="J306" s="11"/>
      <c r="K306" s="6" t="s">
        <v>594</v>
      </c>
    </row>
    <row r="307" spans="2:11" ht="28.8">
      <c r="B307" s="252"/>
      <c r="C307" s="17"/>
      <c r="D307" s="11"/>
      <c r="E307" s="6"/>
      <c r="H307" s="252"/>
      <c r="I307" s="136"/>
      <c r="J307" s="11" t="s">
        <v>865</v>
      </c>
      <c r="K307" s="6"/>
    </row>
    <row r="308" spans="2:11" ht="29.4" thickBot="1">
      <c r="B308" s="267" t="s">
        <v>85</v>
      </c>
      <c r="C308" s="16" t="s">
        <v>86</v>
      </c>
      <c r="D308" s="76"/>
      <c r="E308" s="52" t="s">
        <v>187</v>
      </c>
      <c r="H308" s="267"/>
      <c r="I308" s="141"/>
      <c r="J308" s="2" t="s">
        <v>586</v>
      </c>
      <c r="K308" s="52"/>
    </row>
    <row r="309" spans="2:11" ht="39" thickTop="1">
      <c r="B309" s="252"/>
      <c r="C309" s="17"/>
      <c r="D309" s="11"/>
      <c r="E309" s="6"/>
      <c r="H309" s="252"/>
      <c r="I309" s="136"/>
      <c r="J309" s="150" t="s">
        <v>622</v>
      </c>
      <c r="K309" s="129" t="s">
        <v>623</v>
      </c>
    </row>
    <row r="310" spans="2:11" ht="19.2">
      <c r="B310" s="252"/>
      <c r="C310" s="17"/>
      <c r="D310" s="11"/>
      <c r="E310" s="6"/>
      <c r="H310" s="252"/>
      <c r="I310" s="136"/>
      <c r="J310" s="151" t="s">
        <v>625</v>
      </c>
      <c r="K310" s="130" t="s">
        <v>624</v>
      </c>
    </row>
    <row r="311" spans="2:11" ht="28.8">
      <c r="B311" s="252"/>
      <c r="C311" s="17"/>
      <c r="D311" s="11"/>
      <c r="E311" s="6"/>
      <c r="H311" s="252"/>
      <c r="I311" s="136"/>
      <c r="J311" s="151" t="s">
        <v>626</v>
      </c>
      <c r="K311" s="130" t="s">
        <v>628</v>
      </c>
    </row>
    <row r="312" spans="2:11" ht="48.6" thickBot="1">
      <c r="B312" s="258"/>
      <c r="C312" s="18"/>
      <c r="D312" s="12"/>
      <c r="E312" s="53"/>
      <c r="H312" s="252"/>
      <c r="I312" s="136"/>
      <c r="J312" s="152" t="s">
        <v>627</v>
      </c>
      <c r="K312" s="131"/>
    </row>
    <row r="313" spans="2:11" ht="29.4" thickTop="1">
      <c r="B313" s="252" t="s">
        <v>87</v>
      </c>
      <c r="C313" s="17" t="s">
        <v>88</v>
      </c>
      <c r="D313" s="11"/>
      <c r="E313" s="6"/>
      <c r="H313" s="267" t="s">
        <v>437</v>
      </c>
      <c r="I313" s="141"/>
      <c r="J313" s="11" t="s">
        <v>877</v>
      </c>
      <c r="K313" s="6"/>
    </row>
    <row r="314" spans="2:11" ht="182.4">
      <c r="B314" s="252"/>
      <c r="C314" s="17"/>
      <c r="D314" s="11" t="s">
        <v>876</v>
      </c>
      <c r="E314" s="6"/>
      <c r="H314" s="258"/>
      <c r="I314" s="142"/>
      <c r="J314" s="12" t="s">
        <v>875</v>
      </c>
      <c r="K314" s="53"/>
    </row>
    <row r="315" spans="2:11" ht="19.2">
      <c r="B315" s="267" t="s">
        <v>89</v>
      </c>
      <c r="C315" s="16" t="s">
        <v>48</v>
      </c>
      <c r="D315" s="2" t="s">
        <v>172</v>
      </c>
      <c r="E315" s="52"/>
      <c r="H315" s="267"/>
      <c r="I315" s="141"/>
      <c r="J315" s="2" t="s">
        <v>595</v>
      </c>
      <c r="K315" s="146"/>
    </row>
    <row r="316" spans="2:11" ht="19.2">
      <c r="B316" s="252"/>
      <c r="C316" s="17"/>
      <c r="D316" s="11"/>
      <c r="E316" s="6"/>
      <c r="H316" s="252"/>
      <c r="I316" s="136"/>
      <c r="J316" s="11" t="s">
        <v>596</v>
      </c>
      <c r="K316" s="147"/>
    </row>
    <row r="317" spans="2:11">
      <c r="B317" s="252"/>
      <c r="C317" s="17"/>
      <c r="D317" s="11"/>
      <c r="E317" s="6"/>
      <c r="H317" s="252"/>
      <c r="I317" s="136"/>
      <c r="J317" s="11" t="s">
        <v>581</v>
      </c>
      <c r="K317" s="6"/>
    </row>
    <row r="318" spans="2:11" ht="28.8">
      <c r="B318" s="258"/>
      <c r="C318" s="18"/>
      <c r="D318" s="12"/>
      <c r="E318" s="53"/>
      <c r="H318" s="258"/>
      <c r="I318" s="142"/>
      <c r="J318" s="12"/>
      <c r="K318" s="53" t="s">
        <v>597</v>
      </c>
    </row>
    <row r="319" spans="2:11" ht="28.8">
      <c r="B319" s="252" t="s">
        <v>90</v>
      </c>
      <c r="C319" s="17" t="s">
        <v>91</v>
      </c>
      <c r="D319" s="11" t="s">
        <v>879</v>
      </c>
      <c r="E319" s="6"/>
      <c r="H319" s="267" t="s">
        <v>324</v>
      </c>
      <c r="I319" s="141"/>
      <c r="J319" s="2"/>
      <c r="K319" s="52" t="s">
        <v>617</v>
      </c>
    </row>
    <row r="320" spans="2:11" ht="19.8" thickBot="1">
      <c r="B320" s="252"/>
      <c r="C320" s="17"/>
      <c r="D320" s="11" t="s">
        <v>878</v>
      </c>
      <c r="E320" s="6"/>
      <c r="H320" s="252"/>
      <c r="I320" s="136"/>
      <c r="J320" s="11"/>
      <c r="K320" s="6"/>
    </row>
    <row r="321" spans="2:11" ht="29.4" thickTop="1">
      <c r="B321" s="252"/>
      <c r="C321" s="17"/>
      <c r="D321" s="11" t="s">
        <v>438</v>
      </c>
      <c r="E321" s="6"/>
      <c r="H321" s="252"/>
      <c r="I321" s="136"/>
      <c r="J321" s="150" t="s">
        <v>620</v>
      </c>
      <c r="K321" s="129" t="s">
        <v>263</v>
      </c>
    </row>
    <row r="322" spans="2:11" ht="19.2">
      <c r="B322" s="252"/>
      <c r="C322" s="17"/>
      <c r="D322" s="11" t="s">
        <v>439</v>
      </c>
      <c r="E322" s="6"/>
      <c r="H322" s="252"/>
      <c r="I322" s="136"/>
      <c r="J322" s="151"/>
      <c r="K322" s="130" t="s">
        <v>880</v>
      </c>
    </row>
    <row r="323" spans="2:11" ht="48">
      <c r="B323" s="252"/>
      <c r="C323" s="17"/>
      <c r="D323" s="11"/>
      <c r="E323" s="6"/>
      <c r="H323" s="252"/>
      <c r="I323" s="136"/>
      <c r="J323" s="151"/>
      <c r="K323" s="130" t="s">
        <v>881</v>
      </c>
    </row>
    <row r="324" spans="2:11" ht="28.8">
      <c r="B324" s="252"/>
      <c r="C324" s="17"/>
      <c r="D324" s="11" t="s">
        <v>441</v>
      </c>
      <c r="E324" s="6"/>
      <c r="H324" s="252"/>
      <c r="I324" s="136"/>
      <c r="J324" s="151" t="s">
        <v>619</v>
      </c>
      <c r="K324" s="130"/>
    </row>
    <row r="325" spans="2:11" ht="19.2">
      <c r="B325" s="252"/>
      <c r="C325" s="17"/>
      <c r="D325" s="11" t="s">
        <v>440</v>
      </c>
      <c r="E325" s="6"/>
      <c r="H325" s="252"/>
      <c r="I325" s="136"/>
      <c r="J325" s="151" t="s">
        <v>618</v>
      </c>
      <c r="K325" s="130"/>
    </row>
    <row r="326" spans="2:11" ht="38.4">
      <c r="B326" s="252"/>
      <c r="C326" s="17"/>
      <c r="D326" s="11"/>
      <c r="E326" s="6"/>
      <c r="H326" s="252"/>
      <c r="I326" s="136"/>
      <c r="J326" s="151" t="s">
        <v>882</v>
      </c>
      <c r="K326" s="130"/>
    </row>
    <row r="327" spans="2:11" ht="29.4" thickBot="1">
      <c r="B327" s="258"/>
      <c r="C327" s="18"/>
      <c r="D327" s="12"/>
      <c r="E327" s="53"/>
      <c r="H327" s="258"/>
      <c r="I327" s="142"/>
      <c r="J327" s="152"/>
      <c r="K327" s="131" t="s">
        <v>621</v>
      </c>
    </row>
    <row r="328" spans="2:11" ht="19.8" thickTop="1">
      <c r="B328" s="270" t="s">
        <v>92</v>
      </c>
      <c r="C328" s="19" t="s">
        <v>93</v>
      </c>
      <c r="D328" s="132"/>
      <c r="E328" s="60" t="s">
        <v>188</v>
      </c>
      <c r="H328" s="258"/>
      <c r="I328" s="142"/>
      <c r="J328" s="12"/>
      <c r="K328" s="53"/>
    </row>
    <row r="329" spans="2:11" ht="42" customHeight="1">
      <c r="B329" s="552" t="s">
        <v>94</v>
      </c>
      <c r="C329" s="540"/>
      <c r="D329" s="2" t="s">
        <v>95</v>
      </c>
      <c r="E329" s="52" t="s">
        <v>245</v>
      </c>
      <c r="H329" s="553" t="s">
        <v>883</v>
      </c>
      <c r="I329" s="554"/>
      <c r="J329" s="554"/>
      <c r="K329" s="555"/>
    </row>
    <row r="330" spans="2:11" ht="19.2">
      <c r="B330" s="267" t="s">
        <v>81</v>
      </c>
      <c r="C330" s="16" t="s">
        <v>96</v>
      </c>
      <c r="D330" s="76"/>
      <c r="E330" s="52" t="s">
        <v>189</v>
      </c>
      <c r="H330" s="267"/>
      <c r="I330" s="141"/>
      <c r="J330" s="2"/>
      <c r="K330" s="52"/>
    </row>
    <row r="331" spans="2:11" ht="19.2">
      <c r="B331" s="267" t="s">
        <v>631</v>
      </c>
      <c r="C331" s="16" t="s">
        <v>97</v>
      </c>
      <c r="D331" s="76"/>
      <c r="E331" s="52"/>
      <c r="H331" s="267"/>
      <c r="I331" s="141"/>
      <c r="J331" s="2"/>
      <c r="K331" s="52"/>
    </row>
    <row r="332" spans="2:11" ht="19.2">
      <c r="B332" s="267" t="s">
        <v>98</v>
      </c>
      <c r="C332" s="16" t="s">
        <v>453</v>
      </c>
      <c r="D332" s="2" t="s">
        <v>190</v>
      </c>
      <c r="E332" s="52"/>
      <c r="H332" s="267"/>
      <c r="I332" s="141"/>
      <c r="J332" s="2"/>
      <c r="K332" s="52"/>
    </row>
    <row r="333" spans="2:11">
      <c r="B333" s="252"/>
      <c r="C333" s="17"/>
      <c r="D333" s="11"/>
      <c r="E333" s="6"/>
      <c r="H333" s="252"/>
      <c r="I333" s="136"/>
      <c r="J333" s="11"/>
      <c r="K333" s="6"/>
    </row>
    <row r="334" spans="2:11">
      <c r="B334" s="252"/>
      <c r="C334" s="17"/>
      <c r="D334" s="11"/>
      <c r="E334" s="6"/>
      <c r="H334" s="258"/>
      <c r="I334" s="142"/>
      <c r="J334" s="12"/>
      <c r="K334" s="53"/>
    </row>
    <row r="335" spans="2:11" ht="28.8">
      <c r="B335" s="267" t="s">
        <v>84</v>
      </c>
      <c r="C335" s="16" t="s">
        <v>99</v>
      </c>
      <c r="D335" s="2"/>
      <c r="E335" s="52"/>
      <c r="H335" s="252"/>
      <c r="I335" s="136"/>
      <c r="J335" s="11"/>
      <c r="K335" s="6"/>
    </row>
    <row r="336" spans="2:11" ht="19.2">
      <c r="B336" s="252"/>
      <c r="C336" s="17" t="s">
        <v>451</v>
      </c>
      <c r="D336" s="11"/>
      <c r="E336" s="6"/>
      <c r="H336" s="252"/>
      <c r="I336" s="136"/>
      <c r="J336" s="11"/>
      <c r="K336" s="6"/>
    </row>
    <row r="337" spans="2:11">
      <c r="B337" s="252"/>
      <c r="C337" s="17" t="s">
        <v>452</v>
      </c>
      <c r="D337" s="11"/>
      <c r="E337" s="6"/>
      <c r="H337" s="252"/>
      <c r="I337" s="136"/>
      <c r="J337" s="11"/>
      <c r="K337" s="6"/>
    </row>
    <row r="338" spans="2:11" ht="48">
      <c r="B338" s="252"/>
      <c r="C338" s="17" t="s">
        <v>455</v>
      </c>
      <c r="D338" s="11"/>
      <c r="E338" s="6"/>
      <c r="H338" s="252"/>
      <c r="I338" s="136"/>
      <c r="J338" s="11"/>
      <c r="K338" s="6"/>
    </row>
    <row r="339" spans="2:11">
      <c r="B339" s="252"/>
      <c r="C339" s="17" t="s">
        <v>454</v>
      </c>
      <c r="D339" s="11"/>
      <c r="E339" s="6"/>
      <c r="H339" s="252"/>
      <c r="I339" s="136"/>
      <c r="J339" s="11"/>
      <c r="K339" s="6"/>
    </row>
    <row r="340" spans="2:11">
      <c r="B340" s="252"/>
      <c r="C340" s="17"/>
      <c r="D340" s="11"/>
      <c r="E340" s="6" t="s">
        <v>446</v>
      </c>
      <c r="H340" s="252"/>
      <c r="I340" s="136"/>
      <c r="J340" s="11"/>
      <c r="K340" s="6"/>
    </row>
    <row r="341" spans="2:11">
      <c r="B341" s="252"/>
      <c r="C341" s="17"/>
      <c r="D341" s="11"/>
      <c r="E341" s="6" t="s">
        <v>442</v>
      </c>
      <c r="H341" s="252"/>
      <c r="I341" s="136"/>
      <c r="J341" s="11"/>
      <c r="K341" s="6"/>
    </row>
    <row r="342" spans="2:11" ht="19.2">
      <c r="B342" s="252"/>
      <c r="C342" s="17"/>
      <c r="D342" s="11"/>
      <c r="E342" s="6" t="s">
        <v>443</v>
      </c>
      <c r="H342" s="252"/>
      <c r="I342" s="136"/>
      <c r="J342" s="11"/>
      <c r="K342" s="6"/>
    </row>
    <row r="343" spans="2:11">
      <c r="B343" s="252"/>
      <c r="C343" s="17"/>
      <c r="D343" s="11"/>
      <c r="E343" s="6" t="s">
        <v>444</v>
      </c>
      <c r="H343" s="258"/>
      <c r="I343" s="142"/>
      <c r="J343" s="12"/>
      <c r="K343" s="53"/>
    </row>
    <row r="344" spans="2:11" ht="67.2">
      <c r="B344" s="267" t="s">
        <v>100</v>
      </c>
      <c r="C344" s="16" t="s">
        <v>101</v>
      </c>
      <c r="D344" s="2"/>
      <c r="E344" s="52"/>
      <c r="H344" s="252" t="s">
        <v>346</v>
      </c>
      <c r="I344" s="136" t="s">
        <v>884</v>
      </c>
      <c r="J344" s="11" t="s">
        <v>885</v>
      </c>
      <c r="K344" s="6" t="s">
        <v>582</v>
      </c>
    </row>
    <row r="345" spans="2:11" ht="28.8">
      <c r="B345" s="252"/>
      <c r="C345" s="17"/>
      <c r="D345" s="11" t="s">
        <v>887</v>
      </c>
      <c r="E345" s="6"/>
      <c r="H345" s="252"/>
      <c r="I345" s="136"/>
      <c r="J345" s="11" t="s">
        <v>888</v>
      </c>
      <c r="K345" s="6"/>
    </row>
    <row r="346" spans="2:11" ht="19.2">
      <c r="B346" s="252"/>
      <c r="C346" s="17"/>
      <c r="D346" s="11" t="s">
        <v>886</v>
      </c>
      <c r="E346" s="6"/>
      <c r="H346" s="252"/>
      <c r="I346" s="136"/>
      <c r="J346" s="11" t="s">
        <v>889</v>
      </c>
      <c r="K346" s="6"/>
    </row>
    <row r="347" spans="2:11" ht="38.4">
      <c r="B347" s="252"/>
      <c r="C347" s="17"/>
      <c r="D347" s="11"/>
      <c r="E347" s="6"/>
      <c r="H347" s="258"/>
      <c r="I347" s="142"/>
      <c r="J347" s="12"/>
      <c r="K347" s="53" t="s">
        <v>583</v>
      </c>
    </row>
    <row r="348" spans="2:11" ht="76.8">
      <c r="B348" s="267" t="s">
        <v>102</v>
      </c>
      <c r="C348" s="16" t="s">
        <v>103</v>
      </c>
      <c r="D348" s="2"/>
      <c r="E348" s="52"/>
      <c r="H348" s="252"/>
      <c r="I348" s="136"/>
      <c r="J348" s="11" t="s">
        <v>895</v>
      </c>
      <c r="K348" s="6" t="s">
        <v>891</v>
      </c>
    </row>
    <row r="349" spans="2:11" ht="28.8">
      <c r="B349" s="252"/>
      <c r="C349" s="17"/>
      <c r="D349" s="11" t="s">
        <v>892</v>
      </c>
      <c r="E349" s="6"/>
      <c r="H349" s="252"/>
      <c r="I349" s="136"/>
      <c r="J349" s="11"/>
      <c r="K349" s="6"/>
    </row>
    <row r="350" spans="2:11" ht="19.2">
      <c r="B350" s="252"/>
      <c r="C350" s="17"/>
      <c r="D350" s="11" t="s">
        <v>893</v>
      </c>
      <c r="E350" s="6"/>
      <c r="H350" s="252"/>
      <c r="I350" s="136"/>
      <c r="J350" s="11"/>
      <c r="K350" s="6"/>
    </row>
    <row r="351" spans="2:11" ht="28.8">
      <c r="B351" s="252"/>
      <c r="C351" s="17"/>
      <c r="D351" s="11"/>
      <c r="E351" s="6"/>
      <c r="H351" s="252"/>
      <c r="I351" s="136"/>
      <c r="J351" s="11" t="s">
        <v>890</v>
      </c>
      <c r="K351" s="6"/>
    </row>
    <row r="352" spans="2:11" ht="28.8">
      <c r="B352" s="252"/>
      <c r="C352" s="17"/>
      <c r="D352" s="11"/>
      <c r="E352" s="6"/>
      <c r="H352" s="252"/>
      <c r="I352" s="136"/>
      <c r="J352" s="11"/>
      <c r="K352" s="6" t="s">
        <v>894</v>
      </c>
    </row>
    <row r="353" spans="2:11" ht="19.2">
      <c r="B353" s="252"/>
      <c r="C353" s="17"/>
      <c r="D353" s="11" t="s">
        <v>448</v>
      </c>
      <c r="E353" s="6"/>
      <c r="H353" s="252"/>
      <c r="I353" s="136"/>
      <c r="J353" s="11" t="s">
        <v>585</v>
      </c>
      <c r="K353" s="6"/>
    </row>
    <row r="354" spans="2:11" ht="48">
      <c r="B354" s="258"/>
      <c r="C354" s="18"/>
      <c r="D354" s="12"/>
      <c r="E354" s="53"/>
      <c r="H354" s="258"/>
      <c r="I354" s="142"/>
      <c r="J354" s="12"/>
      <c r="K354" s="53" t="s">
        <v>896</v>
      </c>
    </row>
    <row r="355" spans="2:11" ht="48">
      <c r="B355" s="270" t="s">
        <v>584</v>
      </c>
      <c r="C355" s="19"/>
      <c r="D355" s="1"/>
      <c r="E355" s="60"/>
      <c r="H355" s="267"/>
      <c r="I355" s="141" t="s">
        <v>351</v>
      </c>
      <c r="J355" s="2"/>
      <c r="K355" s="52"/>
    </row>
    <row r="356" spans="2:11" ht="67.2">
      <c r="B356" s="258" t="s">
        <v>577</v>
      </c>
      <c r="C356" s="18"/>
      <c r="D356" s="12"/>
      <c r="E356" s="53"/>
      <c r="H356" s="270"/>
      <c r="I356" s="137"/>
      <c r="J356" s="1"/>
      <c r="K356" s="60" t="s">
        <v>578</v>
      </c>
    </row>
    <row r="357" spans="2:11" ht="19.2">
      <c r="B357" s="258" t="s">
        <v>587</v>
      </c>
      <c r="C357" s="18"/>
      <c r="D357" s="12"/>
      <c r="E357" s="53"/>
      <c r="H357" s="258"/>
      <c r="I357" s="142"/>
      <c r="J357" s="12"/>
      <c r="K357" s="53" t="s">
        <v>588</v>
      </c>
    </row>
    <row r="358" spans="2:11" ht="28.8">
      <c r="B358" s="258" t="s">
        <v>589</v>
      </c>
      <c r="C358" s="18"/>
      <c r="D358" s="12"/>
      <c r="E358" s="53"/>
      <c r="H358" s="252"/>
      <c r="I358" s="136"/>
      <c r="J358" s="11" t="s">
        <v>590</v>
      </c>
      <c r="K358" s="6"/>
    </row>
    <row r="359" spans="2:11" ht="19.2">
      <c r="B359" s="252" t="s">
        <v>591</v>
      </c>
      <c r="C359" s="17"/>
      <c r="D359" s="11"/>
      <c r="E359" s="6"/>
      <c r="H359" s="267"/>
      <c r="I359" s="141"/>
      <c r="J359" s="2" t="s">
        <v>592</v>
      </c>
      <c r="K359" s="148"/>
    </row>
    <row r="360" spans="2:11" ht="28.8">
      <c r="B360" s="258"/>
      <c r="C360" s="18"/>
      <c r="D360" s="12"/>
      <c r="E360" s="53"/>
      <c r="H360" s="252"/>
      <c r="I360" s="136"/>
      <c r="J360" s="11"/>
      <c r="K360" s="6" t="s">
        <v>593</v>
      </c>
    </row>
    <row r="361" spans="2:11" ht="76.8">
      <c r="B361" s="252" t="s">
        <v>599</v>
      </c>
      <c r="C361" s="17"/>
      <c r="D361" s="11"/>
      <c r="E361" s="6"/>
      <c r="H361" s="267"/>
      <c r="I361" s="141"/>
      <c r="J361" s="2" t="s">
        <v>598</v>
      </c>
      <c r="K361" s="52" t="s">
        <v>897</v>
      </c>
    </row>
    <row r="362" spans="2:11" ht="28.8">
      <c r="B362" s="258"/>
      <c r="C362" s="18"/>
      <c r="D362" s="12"/>
      <c r="E362" s="53"/>
      <c r="H362" s="258"/>
      <c r="I362" s="142"/>
      <c r="J362" s="12"/>
      <c r="K362" s="53" t="s">
        <v>898</v>
      </c>
    </row>
    <row r="363" spans="2:11" ht="153.6">
      <c r="B363" s="258" t="s">
        <v>600</v>
      </c>
      <c r="C363" s="18"/>
      <c r="D363" s="12"/>
      <c r="E363" s="53"/>
      <c r="H363" s="258"/>
      <c r="I363" s="142"/>
      <c r="J363" s="12"/>
      <c r="K363" s="53" t="s">
        <v>601</v>
      </c>
    </row>
    <row r="364" spans="2:11" ht="115.8" thickBot="1">
      <c r="B364" s="14" t="s">
        <v>602</v>
      </c>
      <c r="C364" s="78"/>
      <c r="D364" s="15"/>
      <c r="E364" s="7"/>
      <c r="H364" s="14"/>
      <c r="I364" s="149"/>
      <c r="J364" s="15" t="s">
        <v>603</v>
      </c>
      <c r="K364" s="7"/>
    </row>
    <row r="365" spans="2:11" ht="15" thickTop="1">
      <c r="B365" s="33"/>
    </row>
    <row r="366" spans="2:11" ht="16.2">
      <c r="B366" s="278" t="s">
        <v>246</v>
      </c>
    </row>
    <row r="367" spans="2:11" ht="6.75" customHeight="1" thickBot="1">
      <c r="B367" s="33"/>
    </row>
    <row r="368" spans="2:11" ht="15" customHeight="1" thickTop="1" thickBot="1">
      <c r="B368" s="528" t="s">
        <v>0</v>
      </c>
      <c r="C368" s="529"/>
      <c r="D368" s="85" t="s">
        <v>158</v>
      </c>
      <c r="E368" s="86" t="s">
        <v>1</v>
      </c>
      <c r="H368" s="257" t="s">
        <v>274</v>
      </c>
      <c r="I368" s="85" t="s">
        <v>275</v>
      </c>
      <c r="J368" s="87" t="s">
        <v>276</v>
      </c>
      <c r="K368" s="86" t="s">
        <v>277</v>
      </c>
    </row>
    <row r="369" spans="2:11" ht="90" customHeight="1">
      <c r="B369" s="524" t="s">
        <v>104</v>
      </c>
      <c r="C369" s="525"/>
      <c r="D369" s="11" t="s">
        <v>247</v>
      </c>
      <c r="E369" s="6" t="s">
        <v>450</v>
      </c>
      <c r="H369" s="252"/>
      <c r="I369" s="11" t="s">
        <v>370</v>
      </c>
      <c r="J369" s="525" t="s">
        <v>910</v>
      </c>
      <c r="K369" s="550"/>
    </row>
    <row r="370" spans="2:11" ht="90" customHeight="1">
      <c r="B370" s="250"/>
      <c r="C370" s="251"/>
      <c r="D370" s="11"/>
      <c r="E370" s="6"/>
      <c r="H370" s="252"/>
      <c r="I370" s="11"/>
      <c r="J370" s="525" t="s">
        <v>911</v>
      </c>
      <c r="K370" s="550"/>
    </row>
    <row r="371" spans="2:11" ht="64.5" customHeight="1">
      <c r="B371" s="250"/>
      <c r="C371" s="251"/>
      <c r="D371" s="11"/>
      <c r="E371" s="6"/>
      <c r="H371" s="252"/>
      <c r="I371" s="11"/>
      <c r="J371" s="544" t="s">
        <v>924</v>
      </c>
      <c r="K371" s="545"/>
    </row>
    <row r="372" spans="2:11" ht="28.8">
      <c r="B372" s="250"/>
      <c r="C372" s="251"/>
      <c r="D372" s="11"/>
      <c r="E372" s="314" t="s">
        <v>449</v>
      </c>
      <c r="H372" s="73"/>
      <c r="I372" s="39"/>
      <c r="J372" s="401" t="s">
        <v>925</v>
      </c>
      <c r="K372" s="402" t="s">
        <v>926</v>
      </c>
    </row>
    <row r="373" spans="2:11" ht="67.2">
      <c r="B373" s="250"/>
      <c r="C373" s="251"/>
      <c r="D373" s="11"/>
      <c r="E373" s="6"/>
      <c r="H373" s="252"/>
      <c r="I373" s="11"/>
      <c r="J373" s="403" t="s">
        <v>1159</v>
      </c>
      <c r="K373" s="404"/>
    </row>
    <row r="374" spans="2:11" ht="48">
      <c r="B374" s="250"/>
      <c r="C374" s="251"/>
      <c r="D374" s="11"/>
      <c r="E374" s="115"/>
      <c r="H374" s="123"/>
      <c r="I374" s="108"/>
      <c r="J374" s="405"/>
      <c r="K374" s="406" t="s">
        <v>1160</v>
      </c>
    </row>
    <row r="375" spans="2:11" ht="105.6">
      <c r="B375" s="250"/>
      <c r="C375" s="251"/>
      <c r="D375" s="159"/>
      <c r="E375" s="61"/>
      <c r="H375" s="168"/>
      <c r="I375" s="41"/>
      <c r="J375" s="407" t="s">
        <v>1161</v>
      </c>
      <c r="K375" s="402"/>
    </row>
    <row r="376" spans="2:11" ht="57.6">
      <c r="B376" s="250"/>
      <c r="C376" s="251"/>
      <c r="D376" s="159"/>
      <c r="E376" s="115"/>
      <c r="H376" s="169"/>
      <c r="I376" s="172"/>
      <c r="J376" s="405"/>
      <c r="K376" s="406" t="s">
        <v>927</v>
      </c>
    </row>
    <row r="377" spans="2:11" ht="38.4">
      <c r="B377" s="250"/>
      <c r="C377" s="251"/>
      <c r="D377" s="159"/>
      <c r="E377" s="115"/>
      <c r="H377" s="168"/>
      <c r="I377" s="41"/>
      <c r="J377" s="407" t="s">
        <v>1162</v>
      </c>
      <c r="K377" s="402"/>
    </row>
    <row r="378" spans="2:11" ht="48">
      <c r="B378" s="250"/>
      <c r="C378" s="251"/>
      <c r="D378" s="159"/>
      <c r="E378" s="62"/>
      <c r="H378" s="170"/>
      <c r="I378" s="173"/>
      <c r="J378" s="408" t="s">
        <v>1163</v>
      </c>
      <c r="K378" s="409"/>
    </row>
    <row r="379" spans="2:11" ht="38.4">
      <c r="B379" s="258"/>
      <c r="C379" s="253"/>
      <c r="D379" s="11"/>
      <c r="E379" s="163"/>
      <c r="H379" s="258"/>
      <c r="I379" s="12"/>
      <c r="J379" s="387" t="s">
        <v>1164</v>
      </c>
      <c r="K379" s="388" t="s">
        <v>1165</v>
      </c>
    </row>
    <row r="380" spans="2:11" ht="19.2">
      <c r="B380" s="54" t="s">
        <v>105</v>
      </c>
      <c r="C380" s="16" t="s">
        <v>106</v>
      </c>
      <c r="D380" s="174"/>
      <c r="E380" s="52"/>
      <c r="H380" s="54"/>
      <c r="I380" s="3" t="s">
        <v>371</v>
      </c>
      <c r="J380" s="24"/>
      <c r="K380" s="55"/>
    </row>
    <row r="381" spans="2:11">
      <c r="B381" s="250"/>
      <c r="C381" s="320" t="s">
        <v>191</v>
      </c>
      <c r="D381" s="159"/>
      <c r="E381" s="345" t="s">
        <v>252</v>
      </c>
      <c r="H381" s="250"/>
      <c r="I381" s="410" t="s">
        <v>518</v>
      </c>
      <c r="J381" s="385" t="s">
        <v>907</v>
      </c>
      <c r="K381" s="272"/>
    </row>
    <row r="382" spans="2:11">
      <c r="B382" s="250"/>
      <c r="C382" s="17"/>
      <c r="D382" s="159"/>
      <c r="E382" s="6"/>
      <c r="H382" s="250"/>
      <c r="I382" s="10"/>
      <c r="J382" s="403" t="s">
        <v>908</v>
      </c>
      <c r="K382" s="272"/>
    </row>
    <row r="383" spans="2:11" ht="48">
      <c r="B383" s="263"/>
      <c r="C383" s="343" t="s">
        <v>373</v>
      </c>
      <c r="D383" s="160"/>
      <c r="E383" s="53"/>
      <c r="H383" s="263"/>
      <c r="I383" s="411" t="s">
        <v>372</v>
      </c>
      <c r="J383" s="412" t="s">
        <v>915</v>
      </c>
      <c r="K383" s="58"/>
    </row>
    <row r="384" spans="2:11">
      <c r="B384" s="54" t="s">
        <v>107</v>
      </c>
      <c r="C384" s="368" t="s">
        <v>108</v>
      </c>
      <c r="D384" s="2"/>
      <c r="E384" s="52"/>
      <c r="H384" s="267"/>
      <c r="I384" s="2"/>
      <c r="J384" s="384" t="s">
        <v>921</v>
      </c>
      <c r="K384" s="52"/>
    </row>
    <row r="385" spans="2:11" ht="19.2">
      <c r="B385" s="250"/>
      <c r="C385" s="153"/>
      <c r="D385" s="413" t="s">
        <v>919</v>
      </c>
      <c r="E385" s="61"/>
      <c r="H385" s="73"/>
      <c r="I385" s="39"/>
      <c r="J385" s="414" t="s">
        <v>928</v>
      </c>
      <c r="K385" s="61"/>
    </row>
    <row r="386" spans="2:11" ht="38.4">
      <c r="B386" s="250"/>
      <c r="C386" s="153"/>
      <c r="D386" s="321" t="s">
        <v>920</v>
      </c>
      <c r="E386" s="6"/>
      <c r="H386" s="252"/>
      <c r="I386" s="11"/>
      <c r="J386" s="385" t="s">
        <v>1166</v>
      </c>
      <c r="K386" s="6"/>
    </row>
    <row r="387" spans="2:11" ht="19.2">
      <c r="B387" s="250"/>
      <c r="C387" s="153"/>
      <c r="D387" s="108"/>
      <c r="E387" s="115"/>
      <c r="H387" s="123"/>
      <c r="I387" s="108"/>
      <c r="J387" s="395" t="s">
        <v>923</v>
      </c>
      <c r="K387" s="115"/>
    </row>
    <row r="388" spans="2:11" ht="19.2">
      <c r="B388" s="250"/>
      <c r="C388" s="153"/>
      <c r="D388" s="413" t="s">
        <v>253</v>
      </c>
      <c r="E388" s="61"/>
      <c r="H388" s="73"/>
      <c r="I388" s="39"/>
      <c r="J388" s="415" t="s">
        <v>929</v>
      </c>
      <c r="K388" s="61"/>
    </row>
    <row r="389" spans="2:11" ht="38.4">
      <c r="B389" s="250"/>
      <c r="C389" s="153"/>
      <c r="D389" s="11"/>
      <c r="E389" s="6"/>
      <c r="H389" s="252"/>
      <c r="I389" s="11"/>
      <c r="J389" s="403" t="s">
        <v>1167</v>
      </c>
      <c r="K389" s="305" t="s">
        <v>263</v>
      </c>
    </row>
    <row r="390" spans="2:11" ht="19.2">
      <c r="B390" s="250"/>
      <c r="C390" s="153"/>
      <c r="D390" s="11"/>
      <c r="E390" s="6"/>
      <c r="H390" s="252"/>
      <c r="I390" s="11"/>
      <c r="J390" s="403"/>
      <c r="K390" s="305" t="s">
        <v>1168</v>
      </c>
    </row>
    <row r="391" spans="2:11" ht="28.8">
      <c r="B391" s="250"/>
      <c r="C391" s="153"/>
      <c r="D391" s="321" t="s">
        <v>193</v>
      </c>
      <c r="E391" s="164"/>
      <c r="H391" s="252"/>
      <c r="I391" s="11"/>
      <c r="J391" s="324" t="s">
        <v>922</v>
      </c>
      <c r="K391" s="6"/>
    </row>
    <row r="392" spans="2:11" ht="19.2">
      <c r="B392" s="250"/>
      <c r="C392" s="153"/>
      <c r="D392" s="11"/>
      <c r="E392" s="323" t="s">
        <v>456</v>
      </c>
      <c r="H392" s="252"/>
      <c r="I392" s="11"/>
      <c r="J392" s="364" t="s">
        <v>918</v>
      </c>
      <c r="K392" s="6"/>
    </row>
    <row r="393" spans="2:11" ht="19.2">
      <c r="B393" s="250"/>
      <c r="C393" s="153"/>
      <c r="D393" s="11"/>
      <c r="E393" s="6"/>
      <c r="H393" s="252"/>
      <c r="I393" s="11"/>
      <c r="J393" s="304" t="s">
        <v>1169</v>
      </c>
      <c r="K393" s="6"/>
    </row>
    <row r="394" spans="2:11" ht="28.8">
      <c r="B394" s="250"/>
      <c r="C394" s="153"/>
      <c r="D394" s="108"/>
      <c r="E394" s="165"/>
      <c r="H394" s="123"/>
      <c r="I394" s="108"/>
      <c r="J394" s="111"/>
      <c r="K394" s="396" t="s">
        <v>1170</v>
      </c>
    </row>
    <row r="395" spans="2:11" ht="19.2">
      <c r="B395" s="250"/>
      <c r="C395" s="153"/>
      <c r="D395" s="413" t="s">
        <v>194</v>
      </c>
      <c r="E395" s="314" t="s">
        <v>912</v>
      </c>
      <c r="H395" s="73"/>
      <c r="I395" s="39"/>
      <c r="J395" s="416" t="s">
        <v>930</v>
      </c>
      <c r="K395" s="61"/>
    </row>
    <row r="396" spans="2:11" ht="38.4">
      <c r="B396" s="250"/>
      <c r="C396" s="153"/>
      <c r="D396" s="11"/>
      <c r="E396" s="6"/>
      <c r="H396" s="252"/>
      <c r="I396" s="11"/>
      <c r="J396" s="304" t="s">
        <v>1171</v>
      </c>
      <c r="K396" s="305"/>
    </row>
    <row r="397" spans="2:11" ht="38.4">
      <c r="B397" s="250"/>
      <c r="C397" s="153"/>
      <c r="D397" s="11"/>
      <c r="E397" s="6"/>
      <c r="H397" s="252"/>
      <c r="I397" s="11"/>
      <c r="J397" s="304" t="s">
        <v>1172</v>
      </c>
      <c r="K397" s="305"/>
    </row>
    <row r="398" spans="2:11" ht="19.2">
      <c r="B398" s="250"/>
      <c r="C398" s="153"/>
      <c r="D398" s="11"/>
      <c r="E398" s="6"/>
      <c r="H398" s="252"/>
      <c r="I398" s="11"/>
      <c r="J398" s="304" t="s">
        <v>1173</v>
      </c>
      <c r="K398" s="404" t="s">
        <v>1174</v>
      </c>
    </row>
    <row r="399" spans="2:11" ht="28.8">
      <c r="B399" s="250"/>
      <c r="C399" s="153"/>
      <c r="D399" s="11"/>
      <c r="E399" s="6"/>
      <c r="H399" s="252"/>
      <c r="I399" s="11"/>
      <c r="J399" s="304" t="s">
        <v>1175</v>
      </c>
      <c r="K399" s="305"/>
    </row>
    <row r="400" spans="2:11" ht="38.4">
      <c r="B400" s="250"/>
      <c r="C400" s="153"/>
      <c r="D400" s="311" t="s">
        <v>168</v>
      </c>
      <c r="E400" s="164"/>
      <c r="H400" s="252"/>
      <c r="I400" s="11"/>
      <c r="J400" s="22"/>
      <c r="K400" s="6"/>
    </row>
    <row r="401" spans="2:11" ht="19.2">
      <c r="B401" s="250"/>
      <c r="C401" s="153"/>
      <c r="D401" s="311" t="s">
        <v>169</v>
      </c>
      <c r="E401" s="164"/>
      <c r="H401" s="252"/>
      <c r="I401" s="11"/>
      <c r="J401" s="22"/>
      <c r="K401" s="6"/>
    </row>
    <row r="402" spans="2:11" ht="19.2">
      <c r="B402" s="250"/>
      <c r="C402" s="153"/>
      <c r="D402" s="311" t="s">
        <v>195</v>
      </c>
      <c r="E402" s="164"/>
      <c r="H402" s="252"/>
      <c r="I402" s="11"/>
      <c r="J402" s="22"/>
      <c r="K402" s="6"/>
    </row>
    <row r="403" spans="2:11" ht="19.2">
      <c r="B403" s="250"/>
      <c r="C403" s="153"/>
      <c r="D403" s="417" t="s">
        <v>196</v>
      </c>
      <c r="E403" s="165"/>
      <c r="H403" s="123"/>
      <c r="I403" s="108"/>
      <c r="J403" s="111"/>
      <c r="K403" s="115"/>
    </row>
    <row r="404" spans="2:11" ht="48">
      <c r="B404" s="263"/>
      <c r="C404" s="92"/>
      <c r="D404" s="187"/>
      <c r="E404" s="188"/>
      <c r="H404" s="189"/>
      <c r="I404" s="187"/>
      <c r="J404" s="190"/>
      <c r="K404" s="418" t="s">
        <v>1176</v>
      </c>
    </row>
    <row r="405" spans="2:11" ht="28.8">
      <c r="B405" s="252" t="s">
        <v>109</v>
      </c>
      <c r="C405" s="320" t="s">
        <v>110</v>
      </c>
      <c r="D405" s="11"/>
      <c r="E405" s="6"/>
      <c r="H405" s="252"/>
      <c r="I405" s="11"/>
      <c r="J405" s="385" t="s">
        <v>916</v>
      </c>
      <c r="K405" s="6"/>
    </row>
    <row r="406" spans="2:11" ht="38.4">
      <c r="B406" s="252"/>
      <c r="C406" s="17"/>
      <c r="D406" s="321" t="s">
        <v>111</v>
      </c>
      <c r="E406" s="6"/>
      <c r="H406" s="252"/>
      <c r="I406" s="11"/>
      <c r="J406" s="385" t="s">
        <v>917</v>
      </c>
      <c r="K406" s="6"/>
    </row>
    <row r="407" spans="2:11" ht="28.8">
      <c r="B407" s="258"/>
      <c r="C407" s="18"/>
      <c r="D407" s="12"/>
      <c r="E407" s="53"/>
      <c r="H407" s="258"/>
      <c r="I407" s="12"/>
      <c r="J407" s="387" t="s">
        <v>1177</v>
      </c>
      <c r="K407" s="53"/>
    </row>
    <row r="408" spans="2:11" ht="28.8">
      <c r="B408" s="267" t="s">
        <v>112</v>
      </c>
      <c r="C408" s="291" t="s">
        <v>48</v>
      </c>
      <c r="D408" s="340" t="s">
        <v>909</v>
      </c>
      <c r="E408" s="52"/>
      <c r="H408" s="267"/>
      <c r="I408" s="2"/>
      <c r="J408" s="384" t="s">
        <v>914</v>
      </c>
      <c r="K408" s="52"/>
    </row>
    <row r="409" spans="2:11" ht="19.2">
      <c r="B409" s="252"/>
      <c r="C409" s="17"/>
      <c r="D409" s="311" t="s">
        <v>811</v>
      </c>
      <c r="E409" s="6"/>
      <c r="H409" s="252"/>
      <c r="I409" s="11"/>
      <c r="J409" s="23"/>
      <c r="K409" s="6"/>
    </row>
    <row r="410" spans="2:11" ht="19.2">
      <c r="B410" s="252"/>
      <c r="C410" s="17"/>
      <c r="D410" s="11"/>
      <c r="E410" s="6"/>
      <c r="H410" s="252"/>
      <c r="I410" s="11"/>
      <c r="J410" s="403" t="s">
        <v>1178</v>
      </c>
      <c r="K410" s="6"/>
    </row>
    <row r="411" spans="2:11" ht="28.8">
      <c r="B411" s="258"/>
      <c r="C411" s="18"/>
      <c r="D411" s="12"/>
      <c r="E411" s="53"/>
      <c r="H411" s="258"/>
      <c r="I411" s="12"/>
      <c r="J411" s="387" t="s">
        <v>1179</v>
      </c>
      <c r="K411" s="53"/>
    </row>
    <row r="412" spans="2:11" ht="29.4" thickBot="1">
      <c r="B412" s="266" t="s">
        <v>913</v>
      </c>
      <c r="C412" s="166"/>
      <c r="D412" s="167"/>
      <c r="E412" s="66"/>
      <c r="H412" s="77"/>
      <c r="I412" s="98"/>
      <c r="J412" s="102"/>
      <c r="K412" s="390" t="s">
        <v>1180</v>
      </c>
    </row>
    <row r="413" spans="2:11" ht="15" thickTop="1">
      <c r="B413" s="251"/>
      <c r="C413" s="251"/>
      <c r="D413" s="8"/>
      <c r="E413" s="253"/>
      <c r="H413" s="251"/>
      <c r="I413" s="251"/>
      <c r="J413" s="251"/>
      <c r="K413" s="251"/>
    </row>
    <row r="414" spans="2:11" ht="16.2">
      <c r="B414" s="278" t="s">
        <v>629</v>
      </c>
    </row>
    <row r="415" spans="2:11" ht="6.75" customHeight="1" thickBot="1"/>
    <row r="416" spans="2:11" ht="15" customHeight="1" thickTop="1" thickBot="1">
      <c r="B416" s="528" t="s">
        <v>0</v>
      </c>
      <c r="C416" s="529"/>
      <c r="D416" s="85" t="s">
        <v>158</v>
      </c>
      <c r="E416" s="86" t="s">
        <v>1</v>
      </c>
      <c r="H416" s="257" t="s">
        <v>274</v>
      </c>
      <c r="I416" s="85" t="s">
        <v>275</v>
      </c>
      <c r="J416" s="85" t="s">
        <v>276</v>
      </c>
      <c r="K416" s="86" t="s">
        <v>277</v>
      </c>
    </row>
    <row r="417" spans="2:11" ht="28.8">
      <c r="B417" s="175" t="s">
        <v>633</v>
      </c>
      <c r="C417" s="261"/>
      <c r="D417" s="174"/>
      <c r="E417" s="52"/>
      <c r="H417" s="54"/>
      <c r="I417" s="3"/>
      <c r="J417" s="420" t="s">
        <v>630</v>
      </c>
      <c r="K417" s="421" t="s">
        <v>1181</v>
      </c>
    </row>
    <row r="418" spans="2:11" ht="28.8">
      <c r="B418" s="176"/>
      <c r="C418" s="259"/>
      <c r="D418" s="160"/>
      <c r="E418" s="53"/>
      <c r="H418" s="263"/>
      <c r="I418" s="4"/>
      <c r="J418" s="422" t="s">
        <v>1182</v>
      </c>
      <c r="K418" s="388"/>
    </row>
    <row r="419" spans="2:11" ht="124.8">
      <c r="B419" s="254" t="s">
        <v>632</v>
      </c>
      <c r="C419" s="261"/>
      <c r="D419" s="76"/>
      <c r="E419" s="52"/>
      <c r="H419" s="267"/>
      <c r="I419" s="2"/>
      <c r="J419" s="423" t="s">
        <v>1183</v>
      </c>
      <c r="K419" s="357" t="s">
        <v>1184</v>
      </c>
    </row>
    <row r="420" spans="2:11" ht="57.6">
      <c r="B420" s="177"/>
      <c r="C420" s="253"/>
      <c r="D420" s="159"/>
      <c r="E420" s="6"/>
      <c r="H420" s="250"/>
      <c r="I420" s="10"/>
      <c r="J420" s="424" t="s">
        <v>1185</v>
      </c>
      <c r="K420" s="404" t="s">
        <v>634</v>
      </c>
    </row>
    <row r="421" spans="2:11" ht="144">
      <c r="B421" s="176"/>
      <c r="C421" s="259"/>
      <c r="D421" s="160"/>
      <c r="E421" s="53"/>
      <c r="H421" s="263"/>
      <c r="I421" s="4"/>
      <c r="J421" s="422" t="s">
        <v>1186</v>
      </c>
      <c r="K421" s="388" t="s">
        <v>1187</v>
      </c>
    </row>
    <row r="422" spans="2:11" ht="28.8">
      <c r="B422" s="254" t="s">
        <v>635</v>
      </c>
      <c r="C422" s="261"/>
      <c r="D422" s="76"/>
      <c r="E422" s="52"/>
      <c r="H422" s="252"/>
      <c r="I422" s="11"/>
      <c r="J422" s="419" t="s">
        <v>636</v>
      </c>
      <c r="K422" s="305"/>
    </row>
    <row r="423" spans="2:11" ht="28.8">
      <c r="B423" s="255"/>
      <c r="C423" s="253"/>
      <c r="D423" s="135"/>
      <c r="E423" s="6"/>
      <c r="H423" s="252"/>
      <c r="I423" s="11"/>
      <c r="J423" s="419" t="s">
        <v>638</v>
      </c>
      <c r="K423" s="305" t="s">
        <v>637</v>
      </c>
    </row>
    <row r="424" spans="2:11" ht="57.6">
      <c r="B424" s="255"/>
      <c r="C424" s="253"/>
      <c r="D424" s="135"/>
      <c r="E424" s="6"/>
      <c r="H424" s="252"/>
      <c r="I424" s="11"/>
      <c r="J424" s="419" t="s">
        <v>1188</v>
      </c>
      <c r="K424" s="305" t="s">
        <v>639</v>
      </c>
    </row>
    <row r="425" spans="2:11" ht="29.4" thickBot="1">
      <c r="B425" s="178"/>
      <c r="C425" s="262"/>
      <c r="D425" s="179"/>
      <c r="E425" s="7"/>
      <c r="H425" s="77"/>
      <c r="I425" s="98"/>
      <c r="J425" s="425"/>
      <c r="K425" s="390" t="s">
        <v>1189</v>
      </c>
    </row>
    <row r="426" spans="2:11" ht="15" thickTop="1">
      <c r="B426" s="251"/>
      <c r="C426" s="253"/>
      <c r="D426" s="8"/>
      <c r="E426" s="253"/>
      <c r="H426" s="251"/>
      <c r="I426" s="251"/>
      <c r="J426" s="251"/>
      <c r="K426" s="251"/>
    </row>
    <row r="427" spans="2:11" ht="16.2">
      <c r="B427" s="278" t="s">
        <v>254</v>
      </c>
    </row>
    <row r="428" spans="2:11" ht="6.75" customHeight="1" thickBot="1"/>
    <row r="429" spans="2:11" ht="15" customHeight="1" thickTop="1" thickBot="1">
      <c r="B429" s="528" t="s">
        <v>0</v>
      </c>
      <c r="C429" s="529"/>
      <c r="D429" s="85" t="s">
        <v>158</v>
      </c>
      <c r="E429" s="86" t="s">
        <v>1</v>
      </c>
      <c r="H429" s="257" t="s">
        <v>274</v>
      </c>
      <c r="I429" s="85" t="s">
        <v>275</v>
      </c>
      <c r="J429" s="87" t="s">
        <v>276</v>
      </c>
      <c r="K429" s="86" t="s">
        <v>277</v>
      </c>
    </row>
    <row r="430" spans="2:11" ht="78.75" customHeight="1">
      <c r="B430" s="546" t="s">
        <v>113</v>
      </c>
      <c r="C430" s="547"/>
      <c r="D430" s="11" t="s">
        <v>197</v>
      </c>
      <c r="E430" s="323" t="s">
        <v>934</v>
      </c>
      <c r="H430" s="338" t="s">
        <v>1190</v>
      </c>
      <c r="I430" s="286" t="s">
        <v>347</v>
      </c>
      <c r="J430" s="324" t="s">
        <v>1191</v>
      </c>
      <c r="K430" s="323" t="s">
        <v>1192</v>
      </c>
    </row>
    <row r="431" spans="2:11" ht="19.2">
      <c r="B431" s="361"/>
      <c r="C431" s="362"/>
      <c r="D431" s="11"/>
      <c r="E431" s="147"/>
      <c r="H431" s="361"/>
      <c r="I431" s="242"/>
      <c r="J431" s="243"/>
      <c r="K431" s="6" t="s">
        <v>1193</v>
      </c>
    </row>
    <row r="432" spans="2:11" ht="49.5" customHeight="1">
      <c r="B432" s="252"/>
      <c r="C432" s="253"/>
      <c r="D432" s="11"/>
      <c r="E432" s="345" t="s">
        <v>933</v>
      </c>
      <c r="H432" s="252"/>
      <c r="I432" s="11"/>
      <c r="J432" s="22"/>
      <c r="K432" s="6"/>
    </row>
    <row r="433" spans="2:11" ht="14.25" customHeight="1">
      <c r="B433" s="54" t="s">
        <v>105</v>
      </c>
      <c r="C433" s="16" t="s">
        <v>106</v>
      </c>
      <c r="D433" s="174"/>
      <c r="E433" s="52"/>
      <c r="H433" s="54"/>
      <c r="I433" s="3" t="s">
        <v>458</v>
      </c>
      <c r="J433" s="24"/>
      <c r="K433" s="55"/>
    </row>
    <row r="434" spans="2:11">
      <c r="B434" s="250"/>
      <c r="C434" s="320" t="s">
        <v>191</v>
      </c>
      <c r="D434" s="159"/>
      <c r="E434" s="345" t="s">
        <v>192</v>
      </c>
      <c r="H434" s="250"/>
      <c r="I434" s="410" t="s">
        <v>640</v>
      </c>
      <c r="J434" s="385" t="s">
        <v>641</v>
      </c>
      <c r="K434" s="272"/>
    </row>
    <row r="435" spans="2:11" ht="48">
      <c r="B435" s="250"/>
      <c r="C435" s="320" t="s">
        <v>460</v>
      </c>
      <c r="D435" s="159"/>
      <c r="E435" s="6"/>
      <c r="H435" s="250"/>
      <c r="I435" s="410" t="s">
        <v>459</v>
      </c>
      <c r="J435" s="385" t="s">
        <v>931</v>
      </c>
      <c r="K435" s="272"/>
    </row>
    <row r="436" spans="2:11" ht="48">
      <c r="B436" s="250"/>
      <c r="C436" s="17"/>
      <c r="D436" s="159"/>
      <c r="E436" s="6"/>
      <c r="H436" s="250"/>
      <c r="I436" s="10"/>
      <c r="J436" s="403" t="s">
        <v>932</v>
      </c>
      <c r="K436" s="404" t="s">
        <v>1194</v>
      </c>
    </row>
    <row r="437" spans="2:11" ht="38.4">
      <c r="B437" s="250"/>
      <c r="C437" s="17"/>
      <c r="D437" s="159"/>
      <c r="E437" s="6"/>
      <c r="H437" s="250"/>
      <c r="I437" s="10"/>
      <c r="J437" s="403" t="s">
        <v>1195</v>
      </c>
      <c r="K437" s="404"/>
    </row>
    <row r="438" spans="2:11" ht="71.25" customHeight="1">
      <c r="B438" s="250"/>
      <c r="C438" s="17"/>
      <c r="D438" s="159"/>
      <c r="E438" s="6"/>
      <c r="H438" s="250"/>
      <c r="I438" s="10"/>
      <c r="J438" s="403" t="s">
        <v>642</v>
      </c>
      <c r="K438" s="404" t="s">
        <v>643</v>
      </c>
    </row>
    <row r="439" spans="2:11" ht="38.4">
      <c r="B439" s="250"/>
      <c r="C439" s="17"/>
      <c r="D439" s="159"/>
      <c r="E439" s="6"/>
      <c r="H439" s="192"/>
      <c r="I439" s="185"/>
      <c r="J439" s="426" t="s">
        <v>935</v>
      </c>
      <c r="K439" s="427" t="s">
        <v>936</v>
      </c>
    </row>
    <row r="440" spans="2:11" ht="19.2">
      <c r="B440" s="250"/>
      <c r="C440" s="17"/>
      <c r="D440" s="159"/>
      <c r="E440" s="428" t="s">
        <v>937</v>
      </c>
      <c r="H440" s="193"/>
      <c r="I440" s="186"/>
      <c r="J440" s="184"/>
      <c r="K440" s="56"/>
    </row>
    <row r="441" spans="2:11" ht="38.4">
      <c r="B441" s="250"/>
      <c r="C441" s="17"/>
      <c r="D441" s="159"/>
      <c r="E441" s="6"/>
      <c r="H441" s="192"/>
      <c r="I441" s="185"/>
      <c r="J441" s="183"/>
      <c r="K441" s="427" t="s">
        <v>1196</v>
      </c>
    </row>
    <row r="442" spans="2:11" ht="28.8">
      <c r="B442" s="250"/>
      <c r="C442" s="17"/>
      <c r="D442" s="159"/>
      <c r="E442" s="68"/>
      <c r="H442" s="193"/>
      <c r="I442" s="186"/>
      <c r="J442" s="429" t="s">
        <v>1197</v>
      </c>
      <c r="K442" s="430" t="s">
        <v>1198</v>
      </c>
    </row>
    <row r="443" spans="2:11">
      <c r="B443" s="267" t="s">
        <v>114</v>
      </c>
      <c r="C443" s="291" t="s">
        <v>48</v>
      </c>
      <c r="D443" s="76"/>
      <c r="E443" s="52"/>
      <c r="H443" s="267"/>
      <c r="I443" s="2"/>
      <c r="J443" s="336" t="s">
        <v>938</v>
      </c>
      <c r="K443" s="52"/>
    </row>
    <row r="444" spans="2:11" ht="19.2">
      <c r="B444" s="258"/>
      <c r="C444" s="18"/>
      <c r="D444" s="133"/>
      <c r="E444" s="53"/>
      <c r="H444" s="258"/>
      <c r="I444" s="12"/>
      <c r="J444" s="342" t="s">
        <v>1199</v>
      </c>
      <c r="K444" s="53"/>
    </row>
    <row r="445" spans="2:11">
      <c r="B445" s="258" t="s">
        <v>65</v>
      </c>
      <c r="C445" s="431" t="s">
        <v>198</v>
      </c>
      <c r="D445" s="133"/>
      <c r="E445" s="53"/>
      <c r="H445" s="270"/>
      <c r="I445" s="1"/>
      <c r="J445" s="47"/>
      <c r="K445" s="60"/>
    </row>
    <row r="446" spans="2:11" ht="69" customHeight="1">
      <c r="B446" s="252" t="s">
        <v>115</v>
      </c>
      <c r="C446" s="320" t="s">
        <v>116</v>
      </c>
      <c r="D446" s="135"/>
      <c r="E446" s="6"/>
      <c r="H446" s="252"/>
      <c r="I446" s="11"/>
      <c r="J446" s="324" t="s">
        <v>1200</v>
      </c>
      <c r="K446" s="6"/>
    </row>
    <row r="447" spans="2:11" ht="124.8">
      <c r="B447" s="252"/>
      <c r="C447" s="17"/>
      <c r="D447" s="135"/>
      <c r="E447" s="6"/>
      <c r="H447" s="252"/>
      <c r="I447" s="11"/>
      <c r="J447" s="304" t="s">
        <v>1201</v>
      </c>
      <c r="K447" s="305"/>
    </row>
    <row r="448" spans="2:11" ht="100.5" customHeight="1">
      <c r="B448" s="258"/>
      <c r="C448" s="18"/>
      <c r="D448" s="133"/>
      <c r="E448" s="53"/>
      <c r="H448" s="252"/>
      <c r="I448" s="11"/>
      <c r="J448" s="304"/>
      <c r="K448" s="305" t="s">
        <v>1202</v>
      </c>
    </row>
    <row r="449" spans="2:11" ht="19.2">
      <c r="B449" s="252" t="s">
        <v>117</v>
      </c>
      <c r="C449" s="320" t="s">
        <v>118</v>
      </c>
      <c r="D449" s="135"/>
      <c r="E449" s="6"/>
      <c r="H449" s="267"/>
      <c r="I449" s="2"/>
      <c r="J449" s="336" t="s">
        <v>939</v>
      </c>
      <c r="K449" s="52"/>
    </row>
    <row r="450" spans="2:11" ht="38.4">
      <c r="B450" s="252"/>
      <c r="C450" s="17"/>
      <c r="D450" s="135"/>
      <c r="E450" s="6"/>
      <c r="H450" s="252"/>
      <c r="I450" s="11"/>
      <c r="J450" s="304" t="s">
        <v>1203</v>
      </c>
      <c r="K450" s="305"/>
    </row>
    <row r="451" spans="2:11" ht="28.8">
      <c r="B451" s="252"/>
      <c r="C451" s="17"/>
      <c r="D451" s="135"/>
      <c r="E451" s="6"/>
      <c r="H451" s="252"/>
      <c r="I451" s="11"/>
      <c r="J451" s="304"/>
      <c r="K451" s="305" t="s">
        <v>1204</v>
      </c>
    </row>
    <row r="452" spans="2:11" ht="48">
      <c r="B452" s="252"/>
      <c r="C452" s="17"/>
      <c r="D452" s="135"/>
      <c r="E452" s="6"/>
      <c r="H452" s="69"/>
      <c r="I452" s="26"/>
      <c r="J452" s="432" t="s">
        <v>645</v>
      </c>
      <c r="K452" s="433" t="s">
        <v>644</v>
      </c>
    </row>
    <row r="453" spans="2:11" ht="38.4">
      <c r="B453" s="252"/>
      <c r="C453" s="17"/>
      <c r="D453" s="135"/>
      <c r="E453" s="6"/>
      <c r="H453" s="69"/>
      <c r="I453" s="26"/>
      <c r="J453" s="432" t="s">
        <v>646</v>
      </c>
      <c r="K453" s="433" t="s">
        <v>1205</v>
      </c>
    </row>
    <row r="454" spans="2:11" ht="28.8">
      <c r="B454" s="258"/>
      <c r="C454" s="18"/>
      <c r="D454" s="133"/>
      <c r="E454" s="53"/>
      <c r="H454" s="71"/>
      <c r="I454" s="51"/>
      <c r="J454" s="434" t="s">
        <v>1206</v>
      </c>
      <c r="K454" s="435"/>
    </row>
    <row r="455" spans="2:11" ht="76.8">
      <c r="B455" s="250" t="s">
        <v>119</v>
      </c>
      <c r="C455" s="320" t="s">
        <v>120</v>
      </c>
      <c r="D455" s="410" t="s">
        <v>121</v>
      </c>
      <c r="E455" s="272"/>
      <c r="H455" s="383" t="s">
        <v>315</v>
      </c>
      <c r="I455" s="410" t="s">
        <v>349</v>
      </c>
      <c r="J455" s="385" t="s">
        <v>650</v>
      </c>
      <c r="K455" s="272"/>
    </row>
    <row r="456" spans="2:11">
      <c r="B456" s="250"/>
      <c r="C456" s="436" t="s">
        <v>199</v>
      </c>
      <c r="D456" s="10"/>
      <c r="E456" s="272"/>
      <c r="H456" s="383" t="s">
        <v>279</v>
      </c>
      <c r="I456" s="410" t="s">
        <v>350</v>
      </c>
      <c r="J456" s="23"/>
      <c r="K456" s="272"/>
    </row>
    <row r="457" spans="2:11" ht="28.8">
      <c r="B457" s="250"/>
      <c r="C457" s="320" t="s">
        <v>255</v>
      </c>
      <c r="D457" s="10"/>
      <c r="E457" s="272"/>
      <c r="H457" s="383" t="s">
        <v>280</v>
      </c>
      <c r="I457" s="410" t="s">
        <v>356</v>
      </c>
      <c r="J457" s="23"/>
      <c r="K457" s="272"/>
    </row>
    <row r="458" spans="2:11" ht="19.2">
      <c r="B458" s="250"/>
      <c r="C458" s="320" t="s">
        <v>200</v>
      </c>
      <c r="D458" s="159"/>
      <c r="E458" s="194"/>
      <c r="H458" s="383" t="s">
        <v>281</v>
      </c>
      <c r="I458" s="410" t="s">
        <v>355</v>
      </c>
      <c r="J458" s="385" t="s">
        <v>651</v>
      </c>
      <c r="K458" s="272"/>
    </row>
    <row r="459" spans="2:11" ht="124.8">
      <c r="B459" s="250"/>
      <c r="C459" s="17"/>
      <c r="D459" s="159"/>
      <c r="E459" s="194"/>
      <c r="H459" s="250"/>
      <c r="I459" s="10"/>
      <c r="J459" s="403" t="s">
        <v>652</v>
      </c>
      <c r="K459" s="272"/>
    </row>
    <row r="460" spans="2:11" ht="48">
      <c r="B460" s="250"/>
      <c r="C460" s="320" t="s">
        <v>457</v>
      </c>
      <c r="D460" s="159"/>
      <c r="E460" s="194"/>
      <c r="H460" s="383" t="s">
        <v>357</v>
      </c>
      <c r="I460" s="410" t="s">
        <v>360</v>
      </c>
      <c r="J460" s="385" t="s">
        <v>653</v>
      </c>
      <c r="K460" s="272"/>
    </row>
    <row r="461" spans="2:11" ht="38.4">
      <c r="B461" s="250"/>
      <c r="C461" s="17"/>
      <c r="D461" s="159"/>
      <c r="E461" s="194"/>
      <c r="H461" s="250"/>
      <c r="I461" s="10"/>
      <c r="J461" s="403"/>
      <c r="K461" s="404" t="s">
        <v>1207</v>
      </c>
    </row>
    <row r="462" spans="2:11" ht="76.8">
      <c r="B462" s="250"/>
      <c r="C462" s="17"/>
      <c r="D462" s="159"/>
      <c r="E462" s="194"/>
      <c r="H462" s="250"/>
      <c r="I462" s="10"/>
      <c r="J462" s="403" t="s">
        <v>654</v>
      </c>
      <c r="K462" s="404" t="s">
        <v>1208</v>
      </c>
    </row>
    <row r="463" spans="2:11" ht="28.8">
      <c r="B463" s="263"/>
      <c r="C463" s="18"/>
      <c r="D463" s="160"/>
      <c r="E463" s="195"/>
      <c r="H463" s="263"/>
      <c r="I463" s="4"/>
      <c r="J463" s="387" t="s">
        <v>1209</v>
      </c>
      <c r="K463" s="388"/>
    </row>
    <row r="464" spans="2:11" ht="182.4">
      <c r="B464" s="54" t="s">
        <v>122</v>
      </c>
      <c r="C464" s="16" t="s">
        <v>123</v>
      </c>
      <c r="D464" s="3" t="s">
        <v>263</v>
      </c>
      <c r="E464" s="55"/>
      <c r="H464" s="54" t="s">
        <v>359</v>
      </c>
      <c r="I464" s="3" t="s">
        <v>361</v>
      </c>
      <c r="J464" s="24" t="s">
        <v>657</v>
      </c>
      <c r="K464" s="55"/>
    </row>
    <row r="465" spans="2:11" ht="28.8">
      <c r="B465" s="250"/>
      <c r="C465" s="17"/>
      <c r="D465" s="10"/>
      <c r="E465" s="272"/>
      <c r="H465" s="250"/>
      <c r="I465" s="10"/>
      <c r="J465" s="23"/>
      <c r="K465" s="404" t="s">
        <v>655</v>
      </c>
    </row>
    <row r="466" spans="2:11" ht="19.2">
      <c r="B466" s="250"/>
      <c r="C466" s="442" t="s">
        <v>201</v>
      </c>
      <c r="D466" s="3"/>
      <c r="E466" s="55"/>
      <c r="H466" s="54"/>
      <c r="I466" s="3"/>
      <c r="J466" s="384" t="s">
        <v>658</v>
      </c>
      <c r="K466" s="55"/>
    </row>
    <row r="467" spans="2:11" ht="76.8">
      <c r="B467" s="250"/>
      <c r="C467" s="182"/>
      <c r="D467" s="10"/>
      <c r="E467" s="272"/>
      <c r="H467" s="170"/>
      <c r="I467" s="173"/>
      <c r="J467" s="408" t="s">
        <v>659</v>
      </c>
      <c r="K467" s="409"/>
    </row>
    <row r="468" spans="2:11" ht="28.8">
      <c r="B468" s="250"/>
      <c r="C468" s="182"/>
      <c r="D468" s="10"/>
      <c r="E468" s="272"/>
      <c r="H468" s="168"/>
      <c r="I468" s="41"/>
      <c r="J468" s="407" t="s">
        <v>691</v>
      </c>
      <c r="K468" s="402" t="s">
        <v>940</v>
      </c>
    </row>
    <row r="469" spans="2:11" ht="57.6">
      <c r="B469" s="250"/>
      <c r="C469" s="182"/>
      <c r="D469" s="172"/>
      <c r="E469" s="273"/>
      <c r="H469" s="169"/>
      <c r="I469" s="172"/>
      <c r="J469" s="405" t="s">
        <v>660</v>
      </c>
      <c r="K469" s="406" t="s">
        <v>661</v>
      </c>
    </row>
    <row r="470" spans="2:11" ht="86.25" customHeight="1">
      <c r="B470" s="250"/>
      <c r="C470" s="182"/>
      <c r="D470" s="441" t="s">
        <v>662</v>
      </c>
      <c r="E470" s="63"/>
      <c r="H470" s="168"/>
      <c r="I470" s="41"/>
      <c r="J470" s="414" t="s">
        <v>669</v>
      </c>
      <c r="K470" s="63"/>
    </row>
    <row r="471" spans="2:11" ht="76.8">
      <c r="B471" s="250"/>
      <c r="C471" s="191"/>
      <c r="D471" s="4"/>
      <c r="E471" s="58"/>
      <c r="H471" s="263"/>
      <c r="I471" s="4"/>
      <c r="J471" s="387" t="s">
        <v>941</v>
      </c>
      <c r="K471" s="388" t="s">
        <v>670</v>
      </c>
    </row>
    <row r="472" spans="2:11" ht="105.6">
      <c r="B472" s="250"/>
      <c r="C472" s="436" t="s">
        <v>202</v>
      </c>
      <c r="D472" s="10"/>
      <c r="E472" s="272"/>
      <c r="H472" s="265"/>
      <c r="I472" s="95"/>
      <c r="J472" s="440" t="s">
        <v>656</v>
      </c>
      <c r="K472" s="96"/>
    </row>
    <row r="473" spans="2:11">
      <c r="B473" s="250"/>
      <c r="C473" s="16" t="s">
        <v>203</v>
      </c>
      <c r="D473" s="3"/>
      <c r="E473" s="55"/>
      <c r="H473" s="250"/>
      <c r="I473" s="10"/>
      <c r="J473" s="23"/>
      <c r="K473" s="272"/>
    </row>
    <row r="474" spans="2:11" ht="48">
      <c r="B474" s="250"/>
      <c r="C474" s="320" t="s">
        <v>358</v>
      </c>
      <c r="D474" s="10"/>
      <c r="E474" s="272"/>
      <c r="H474" s="250"/>
      <c r="I474" s="10"/>
      <c r="J474" s="385" t="s">
        <v>663</v>
      </c>
      <c r="K474" s="272"/>
    </row>
    <row r="475" spans="2:11" ht="38.4">
      <c r="B475" s="250"/>
      <c r="C475" s="18"/>
      <c r="D475" s="4"/>
      <c r="E475" s="58"/>
      <c r="H475" s="250"/>
      <c r="I475" s="10"/>
      <c r="J475" s="23"/>
      <c r="K475" s="404" t="s">
        <v>1225</v>
      </c>
    </row>
    <row r="476" spans="2:11" ht="19.2">
      <c r="B476" s="250"/>
      <c r="C476" s="320" t="s">
        <v>461</v>
      </c>
      <c r="D476" s="410" t="s">
        <v>462</v>
      </c>
      <c r="E476" s="272"/>
      <c r="H476" s="54"/>
      <c r="I476" s="3"/>
      <c r="J476" s="384" t="s">
        <v>1224</v>
      </c>
      <c r="K476" s="55"/>
    </row>
    <row r="477" spans="2:11" ht="19.2">
      <c r="B477" s="332"/>
      <c r="C477" s="17"/>
      <c r="D477" s="10"/>
      <c r="E477" s="334"/>
      <c r="H477" s="332"/>
      <c r="I477" s="10"/>
      <c r="J477" s="403" t="s">
        <v>1223</v>
      </c>
      <c r="K477" s="334"/>
    </row>
    <row r="478" spans="2:11" ht="28.8">
      <c r="B478" s="250"/>
      <c r="C478" s="17"/>
      <c r="D478" s="10"/>
      <c r="E478" s="272"/>
      <c r="H478" s="250"/>
      <c r="I478" s="10"/>
      <c r="J478" s="23"/>
      <c r="K478" s="404" t="s">
        <v>664</v>
      </c>
    </row>
    <row r="479" spans="2:11" ht="38.4">
      <c r="B479" s="177"/>
      <c r="C479" s="253"/>
      <c r="D479" s="410" t="s">
        <v>464</v>
      </c>
      <c r="E479" s="272"/>
      <c r="H479" s="250"/>
      <c r="I479" s="10"/>
      <c r="J479" s="385" t="s">
        <v>942</v>
      </c>
      <c r="K479" s="272"/>
    </row>
    <row r="480" spans="2:11" ht="19.2">
      <c r="B480" s="250"/>
      <c r="C480" s="17"/>
      <c r="D480" s="10"/>
      <c r="E480" s="285" t="s">
        <v>456</v>
      </c>
      <c r="H480" s="250"/>
      <c r="I480" s="10"/>
      <c r="J480" s="439" t="s">
        <v>918</v>
      </c>
      <c r="K480" s="272"/>
    </row>
    <row r="481" spans="2:11" ht="19.2">
      <c r="B481" s="332"/>
      <c r="C481" s="17"/>
      <c r="D481" s="10"/>
      <c r="E481" s="334"/>
      <c r="H481" s="332"/>
      <c r="I481" s="10"/>
      <c r="J481" s="403" t="s">
        <v>1222</v>
      </c>
      <c r="K481" s="334"/>
    </row>
    <row r="482" spans="2:11" ht="19.2">
      <c r="B482" s="250"/>
      <c r="C482" s="17"/>
      <c r="D482" s="10"/>
      <c r="E482" s="272"/>
      <c r="H482" s="250"/>
      <c r="I482" s="10"/>
      <c r="J482" s="23"/>
      <c r="K482" s="404" t="s">
        <v>1221</v>
      </c>
    </row>
    <row r="483" spans="2:11" ht="19.2">
      <c r="B483" s="250"/>
      <c r="C483" s="17"/>
      <c r="D483" s="438" t="s">
        <v>463</v>
      </c>
      <c r="E483" s="272"/>
      <c r="H483" s="250"/>
      <c r="I483" s="10"/>
      <c r="J483" s="23"/>
      <c r="K483" s="272"/>
    </row>
    <row r="484" spans="2:11">
      <c r="B484" s="250"/>
      <c r="C484" s="17"/>
      <c r="D484" s="10"/>
      <c r="E484" s="272"/>
      <c r="H484" s="250"/>
      <c r="I484" s="10"/>
      <c r="J484" s="403" t="s">
        <v>1218</v>
      </c>
      <c r="K484" s="404"/>
    </row>
    <row r="485" spans="2:11" ht="28.8">
      <c r="B485" s="263"/>
      <c r="C485" s="18"/>
      <c r="D485" s="4"/>
      <c r="E485" s="58"/>
      <c r="H485" s="263"/>
      <c r="I485" s="4"/>
      <c r="J485" s="387" t="s">
        <v>1219</v>
      </c>
      <c r="K485" s="388" t="s">
        <v>1220</v>
      </c>
    </row>
    <row r="486" spans="2:11" ht="115.2">
      <c r="B486" s="54" t="s">
        <v>647</v>
      </c>
      <c r="C486" s="16"/>
      <c r="D486" s="3"/>
      <c r="E486" s="55"/>
      <c r="H486" s="265"/>
      <c r="I486" s="95"/>
      <c r="J486" s="374" t="s">
        <v>943</v>
      </c>
      <c r="K486" s="375" t="s">
        <v>1210</v>
      </c>
    </row>
    <row r="487" spans="2:11" ht="28.8">
      <c r="B487" s="250"/>
      <c r="C487" s="17"/>
      <c r="D487" s="10"/>
      <c r="E487" s="272"/>
      <c r="H487" s="54"/>
      <c r="I487" s="3"/>
      <c r="J487" s="437" t="s">
        <v>1211</v>
      </c>
      <c r="K487" s="421"/>
    </row>
    <row r="488" spans="2:11" ht="105.6">
      <c r="B488" s="54" t="s">
        <v>648</v>
      </c>
      <c r="C488" s="16"/>
      <c r="D488" s="3"/>
      <c r="E488" s="55"/>
      <c r="H488" s="54"/>
      <c r="I488" s="3"/>
      <c r="J488" s="437" t="s">
        <v>1212</v>
      </c>
      <c r="K488" s="421"/>
    </row>
    <row r="489" spans="2:11" ht="28.8">
      <c r="B489" s="54" t="s">
        <v>649</v>
      </c>
      <c r="C489" s="16"/>
      <c r="D489" s="3"/>
      <c r="E489" s="55"/>
      <c r="H489" s="54"/>
      <c r="I489" s="3"/>
      <c r="J489" s="437" t="s">
        <v>1213</v>
      </c>
      <c r="K489" s="421" t="s">
        <v>1214</v>
      </c>
    </row>
    <row r="490" spans="2:11" ht="76.8">
      <c r="B490" s="54" t="s">
        <v>665</v>
      </c>
      <c r="C490" s="16"/>
      <c r="D490" s="3"/>
      <c r="E490" s="55"/>
      <c r="H490" s="54"/>
      <c r="I490" s="3"/>
      <c r="J490" s="437"/>
      <c r="K490" s="421" t="s">
        <v>1215</v>
      </c>
    </row>
    <row r="491" spans="2:11" ht="28.8">
      <c r="B491" s="54" t="s">
        <v>666</v>
      </c>
      <c r="C491" s="16"/>
      <c r="D491" s="3"/>
      <c r="E491" s="55"/>
      <c r="H491" s="54"/>
      <c r="I491" s="3"/>
      <c r="J491" s="437" t="s">
        <v>667</v>
      </c>
      <c r="K491" s="421" t="s">
        <v>668</v>
      </c>
    </row>
    <row r="492" spans="2:11" ht="38.4">
      <c r="B492" s="250"/>
      <c r="C492" s="17"/>
      <c r="D492" s="10"/>
      <c r="E492" s="272"/>
      <c r="H492" s="250"/>
      <c r="I492" s="10"/>
      <c r="J492" s="403" t="s">
        <v>1216</v>
      </c>
      <c r="K492" s="404"/>
    </row>
    <row r="493" spans="2:11" ht="29.4" thickBot="1">
      <c r="B493" s="77"/>
      <c r="C493" s="78"/>
      <c r="D493" s="98"/>
      <c r="E493" s="99"/>
      <c r="H493" s="77"/>
      <c r="I493" s="98"/>
      <c r="J493" s="389"/>
      <c r="K493" s="390" t="s">
        <v>1217</v>
      </c>
    </row>
    <row r="494" spans="2:11" ht="15" thickTop="1">
      <c r="B494" s="33"/>
    </row>
    <row r="495" spans="2:11" ht="16.2">
      <c r="B495" s="278" t="s">
        <v>671</v>
      </c>
    </row>
    <row r="496" spans="2:11" ht="6.75" customHeight="1" thickBot="1"/>
    <row r="497" spans="2:11" ht="15" customHeight="1" thickTop="1" thickBot="1">
      <c r="B497" s="528" t="s">
        <v>0</v>
      </c>
      <c r="C497" s="529"/>
      <c r="D497" s="85" t="s">
        <v>158</v>
      </c>
      <c r="E497" s="86" t="s">
        <v>1</v>
      </c>
      <c r="H497" s="257" t="s">
        <v>274</v>
      </c>
      <c r="I497" s="85" t="s">
        <v>275</v>
      </c>
      <c r="J497" s="85" t="s">
        <v>276</v>
      </c>
      <c r="K497" s="86" t="s">
        <v>277</v>
      </c>
    </row>
    <row r="498" spans="2:11" ht="56.25" customHeight="1">
      <c r="B498" s="537" t="s">
        <v>672</v>
      </c>
      <c r="C498" s="538"/>
      <c r="D498" s="12"/>
      <c r="E498" s="53"/>
      <c r="H498" s="252"/>
      <c r="I498" s="11"/>
      <c r="J498" s="548" t="s">
        <v>673</v>
      </c>
      <c r="K498" s="549"/>
    </row>
    <row r="499" spans="2:11" ht="230.4">
      <c r="B499" s="175" t="s">
        <v>674</v>
      </c>
      <c r="C499" s="261"/>
      <c r="D499" s="174"/>
      <c r="E499" s="52"/>
      <c r="H499" s="54"/>
      <c r="I499" s="3"/>
      <c r="J499" s="424" t="s">
        <v>676</v>
      </c>
      <c r="K499" s="404"/>
    </row>
    <row r="500" spans="2:11" ht="38.4">
      <c r="B500" s="177"/>
      <c r="C500" s="253"/>
      <c r="D500" s="159"/>
      <c r="E500" s="6"/>
      <c r="H500" s="263"/>
      <c r="I500" s="4"/>
      <c r="J500" s="422"/>
      <c r="K500" s="388" t="s">
        <v>675</v>
      </c>
    </row>
    <row r="501" spans="2:11" ht="28.8">
      <c r="B501" s="175" t="s">
        <v>677</v>
      </c>
      <c r="C501" s="261"/>
      <c r="D501" s="174"/>
      <c r="E501" s="52"/>
      <c r="H501" s="54"/>
      <c r="I501" s="3"/>
      <c r="J501" s="420" t="s">
        <v>1226</v>
      </c>
      <c r="K501" s="421"/>
    </row>
    <row r="502" spans="2:11" ht="57.6">
      <c r="B502" s="176"/>
      <c r="C502" s="259"/>
      <c r="D502" s="160"/>
      <c r="E502" s="53"/>
      <c r="H502" s="263"/>
      <c r="I502" s="4"/>
      <c r="J502" s="422"/>
      <c r="K502" s="388" t="s">
        <v>1227</v>
      </c>
    </row>
    <row r="503" spans="2:11" ht="115.2">
      <c r="B503" s="197" t="s">
        <v>678</v>
      </c>
      <c r="C503" s="271"/>
      <c r="D503" s="196"/>
      <c r="E503" s="60"/>
      <c r="H503" s="265"/>
      <c r="I503" s="95"/>
      <c r="J503" s="443"/>
      <c r="K503" s="375" t="s">
        <v>1228</v>
      </c>
    </row>
    <row r="504" spans="2:11" ht="38.4">
      <c r="B504" s="175" t="s">
        <v>679</v>
      </c>
      <c r="C504" s="261"/>
      <c r="D504" s="174"/>
      <c r="E504" s="52"/>
      <c r="H504" s="250"/>
      <c r="I504" s="10"/>
      <c r="J504" s="424" t="s">
        <v>680</v>
      </c>
      <c r="K504" s="404"/>
    </row>
    <row r="505" spans="2:11" ht="28.8">
      <c r="B505" s="177"/>
      <c r="C505" s="253"/>
      <c r="D505" s="159"/>
      <c r="E505" s="6"/>
      <c r="H505" s="250"/>
      <c r="I505" s="10"/>
      <c r="J505" s="424"/>
      <c r="K505" s="404" t="s">
        <v>1229</v>
      </c>
    </row>
    <row r="506" spans="2:11" ht="96">
      <c r="B506" s="176"/>
      <c r="C506" s="259"/>
      <c r="D506" s="160"/>
      <c r="E506" s="53"/>
      <c r="H506" s="250"/>
      <c r="I506" s="10"/>
      <c r="J506" s="424" t="s">
        <v>1230</v>
      </c>
      <c r="K506" s="404"/>
    </row>
    <row r="507" spans="2:11">
      <c r="B507" s="175" t="s">
        <v>681</v>
      </c>
      <c r="C507" s="261"/>
      <c r="D507" s="174"/>
      <c r="E507" s="52"/>
      <c r="H507" s="54"/>
      <c r="I507" s="3"/>
      <c r="J507" s="420"/>
      <c r="K507" s="421"/>
    </row>
    <row r="508" spans="2:11" ht="28.8">
      <c r="B508" s="198" t="s">
        <v>682</v>
      </c>
      <c r="C508" s="103"/>
      <c r="D508" s="156"/>
      <c r="E508" s="61"/>
      <c r="H508" s="168"/>
      <c r="I508" s="41"/>
      <c r="J508" s="444" t="s">
        <v>685</v>
      </c>
      <c r="K508" s="402" t="s">
        <v>686</v>
      </c>
    </row>
    <row r="509" spans="2:11" ht="19.2">
      <c r="B509" s="199" t="s">
        <v>683</v>
      </c>
      <c r="C509" s="105"/>
      <c r="D509" s="158"/>
      <c r="E509" s="62"/>
      <c r="H509" s="168"/>
      <c r="I509" s="41"/>
      <c r="J509" s="444" t="s">
        <v>687</v>
      </c>
      <c r="K509" s="402"/>
    </row>
    <row r="510" spans="2:11" ht="19.2">
      <c r="B510" s="198" t="s">
        <v>684</v>
      </c>
      <c r="C510" s="103"/>
      <c r="D510" s="156"/>
      <c r="E510" s="61"/>
      <c r="H510" s="168"/>
      <c r="I510" s="41"/>
      <c r="J510" s="444" t="s">
        <v>688</v>
      </c>
      <c r="K510" s="402"/>
    </row>
    <row r="511" spans="2:11" ht="28.8">
      <c r="B511" s="177"/>
      <c r="C511" s="253"/>
      <c r="D511" s="159"/>
      <c r="E511" s="6"/>
      <c r="H511" s="250"/>
      <c r="I511" s="10"/>
      <c r="J511" s="424" t="s">
        <v>689</v>
      </c>
      <c r="K511" s="404"/>
    </row>
    <row r="512" spans="2:11" ht="67.2">
      <c r="B512" s="177"/>
      <c r="C512" s="253"/>
      <c r="D512" s="159"/>
      <c r="E512" s="6"/>
      <c r="H512" s="250"/>
      <c r="I512" s="10"/>
      <c r="J512" s="424" t="s">
        <v>691</v>
      </c>
      <c r="K512" s="404" t="s">
        <v>690</v>
      </c>
    </row>
    <row r="513" spans="2:11" ht="57.6">
      <c r="B513" s="177"/>
      <c r="C513" s="253"/>
      <c r="D513" s="159"/>
      <c r="E513" s="6"/>
      <c r="H513" s="250"/>
      <c r="I513" s="10"/>
      <c r="J513" s="424"/>
      <c r="K513" s="404" t="s">
        <v>1231</v>
      </c>
    </row>
    <row r="514" spans="2:11" ht="48">
      <c r="B514" s="177"/>
      <c r="C514" s="253"/>
      <c r="D514" s="159"/>
      <c r="E514" s="6"/>
      <c r="H514" s="250"/>
      <c r="I514" s="10"/>
      <c r="J514" s="424" t="s">
        <v>692</v>
      </c>
      <c r="K514" s="404"/>
    </row>
    <row r="515" spans="2:11" ht="28.8">
      <c r="B515" s="200"/>
      <c r="C515" s="104"/>
      <c r="D515" s="157"/>
      <c r="E515" s="115"/>
      <c r="H515" s="169"/>
      <c r="I515" s="172"/>
      <c r="J515" s="445" t="s">
        <v>693</v>
      </c>
      <c r="K515" s="406"/>
    </row>
    <row r="516" spans="2:11" ht="19.2">
      <c r="B516" s="176" t="s">
        <v>694</v>
      </c>
      <c r="C516" s="259"/>
      <c r="D516" s="160"/>
      <c r="E516" s="53"/>
      <c r="H516" s="263"/>
      <c r="I516" s="4"/>
      <c r="J516" s="422" t="s">
        <v>1232</v>
      </c>
      <c r="K516" s="388"/>
    </row>
    <row r="517" spans="2:11" ht="19.2">
      <c r="B517" s="279" t="s">
        <v>695</v>
      </c>
      <c r="C517" s="280"/>
      <c r="D517" s="281"/>
      <c r="E517" s="217"/>
      <c r="H517" s="54"/>
      <c r="I517" s="3"/>
      <c r="J517" s="420"/>
      <c r="K517" s="421"/>
    </row>
    <row r="518" spans="2:11" ht="76.8">
      <c r="B518" s="198" t="s">
        <v>696</v>
      </c>
      <c r="C518" s="103"/>
      <c r="D518" s="156"/>
      <c r="E518" s="61"/>
      <c r="H518" s="168"/>
      <c r="I518" s="41"/>
      <c r="J518" s="446" t="s">
        <v>698</v>
      </c>
      <c r="K518" s="392" t="s">
        <v>697</v>
      </c>
    </row>
    <row r="519" spans="2:11" ht="67.2">
      <c r="B519" s="198" t="s">
        <v>699</v>
      </c>
      <c r="C519" s="103"/>
      <c r="D519" s="156"/>
      <c r="E519" s="61"/>
      <c r="H519" s="168"/>
      <c r="I519" s="41"/>
      <c r="J519" s="444" t="s">
        <v>700</v>
      </c>
      <c r="K519" s="402" t="s">
        <v>1233</v>
      </c>
    </row>
    <row r="520" spans="2:11" ht="28.8">
      <c r="B520" s="199" t="s">
        <v>701</v>
      </c>
      <c r="C520" s="105"/>
      <c r="D520" s="158"/>
      <c r="E520" s="62"/>
      <c r="H520" s="170"/>
      <c r="I520" s="173"/>
      <c r="J520" s="447" t="s">
        <v>1234</v>
      </c>
      <c r="K520" s="409"/>
    </row>
    <row r="521" spans="2:11" ht="28.8">
      <c r="B521" s="200" t="s">
        <v>702</v>
      </c>
      <c r="C521" s="104"/>
      <c r="D521" s="157"/>
      <c r="E521" s="115"/>
      <c r="H521" s="169"/>
      <c r="I521" s="172"/>
      <c r="J521" s="445"/>
      <c r="K521" s="406" t="s">
        <v>1235</v>
      </c>
    </row>
    <row r="522" spans="2:11" ht="58.2" thickBot="1">
      <c r="B522" s="178" t="s">
        <v>703</v>
      </c>
      <c r="C522" s="262"/>
      <c r="D522" s="179"/>
      <c r="E522" s="7"/>
      <c r="H522" s="77"/>
      <c r="I522" s="98"/>
      <c r="J522" s="425" t="s">
        <v>1236</v>
      </c>
      <c r="K522" s="390"/>
    </row>
    <row r="523" spans="2:11" ht="15" thickTop="1">
      <c r="B523" s="251"/>
      <c r="C523" s="253"/>
      <c r="D523" s="8"/>
      <c r="E523" s="253"/>
      <c r="H523" s="251"/>
      <c r="I523" s="251"/>
      <c r="J523" s="251"/>
      <c r="K523" s="251"/>
    </row>
    <row r="524" spans="2:11" ht="16.2">
      <c r="B524" s="278" t="s">
        <v>256</v>
      </c>
    </row>
    <row r="525" spans="2:11" ht="6.75" customHeight="1" thickBot="1">
      <c r="B525" s="33"/>
    </row>
    <row r="526" spans="2:11" ht="15" customHeight="1" thickTop="1" thickBot="1">
      <c r="B526" s="528" t="s">
        <v>0</v>
      </c>
      <c r="C526" s="529"/>
      <c r="D526" s="85" t="s">
        <v>158</v>
      </c>
      <c r="E526" s="86" t="s">
        <v>1</v>
      </c>
      <c r="H526" s="257" t="s">
        <v>274</v>
      </c>
      <c r="I526" s="85" t="s">
        <v>275</v>
      </c>
      <c r="J526" s="87" t="s">
        <v>276</v>
      </c>
      <c r="K526" s="86" t="s">
        <v>277</v>
      </c>
    </row>
    <row r="527" spans="2:11" ht="31.5" customHeight="1">
      <c r="B527" s="533" t="s">
        <v>257</v>
      </c>
      <c r="C527" s="534"/>
      <c r="D527" s="11"/>
      <c r="E527" s="6" t="s">
        <v>260</v>
      </c>
      <c r="H527" s="258"/>
      <c r="I527" s="12"/>
      <c r="J527" s="20"/>
      <c r="K527" s="53"/>
    </row>
    <row r="528" spans="2:11" ht="96">
      <c r="B528" s="175" t="s">
        <v>124</v>
      </c>
      <c r="C528" s="448" t="s">
        <v>1365</v>
      </c>
      <c r="D528" s="2" t="s">
        <v>258</v>
      </c>
      <c r="E528" s="52"/>
      <c r="H528" s="267"/>
      <c r="I528" s="497" t="s">
        <v>1358</v>
      </c>
      <c r="J528" s="449" t="s">
        <v>952</v>
      </c>
      <c r="K528" s="52"/>
    </row>
    <row r="529" spans="2:11" ht="103.5" customHeight="1">
      <c r="B529" s="177"/>
      <c r="C529" s="253"/>
      <c r="D529" s="11"/>
      <c r="E529" s="6"/>
      <c r="H529" s="252"/>
      <c r="I529" s="11"/>
      <c r="J529" s="304" t="s">
        <v>1237</v>
      </c>
      <c r="K529" s="6"/>
    </row>
    <row r="530" spans="2:11" ht="81" customHeight="1">
      <c r="B530" s="177"/>
      <c r="C530" s="253"/>
      <c r="D530" s="11"/>
      <c r="E530" s="6"/>
      <c r="H530" s="252"/>
      <c r="I530" s="419" t="s">
        <v>1359</v>
      </c>
      <c r="J530" s="22"/>
      <c r="K530" s="305" t="s">
        <v>1238</v>
      </c>
    </row>
    <row r="531" spans="2:11" ht="48.75" customHeight="1">
      <c r="B531" s="177"/>
      <c r="C531" s="450" t="s">
        <v>204</v>
      </c>
      <c r="D531" s="26" t="s">
        <v>259</v>
      </c>
      <c r="E531" s="70"/>
      <c r="H531" s="69"/>
      <c r="I531" s="523" t="s">
        <v>1360</v>
      </c>
      <c r="J531" s="45" t="s">
        <v>953</v>
      </c>
      <c r="K531" s="451" t="s">
        <v>954</v>
      </c>
    </row>
    <row r="532" spans="2:11">
      <c r="B532" s="177"/>
      <c r="C532" s="452" t="s">
        <v>205</v>
      </c>
      <c r="D532" s="25"/>
      <c r="E532" s="68"/>
      <c r="H532" s="67"/>
      <c r="I532" s="25"/>
      <c r="J532" s="44"/>
      <c r="K532" s="68"/>
    </row>
    <row r="533" spans="2:11" ht="38.4">
      <c r="B533" s="177"/>
      <c r="C533" s="181"/>
      <c r="D533" s="134"/>
      <c r="E533" s="143"/>
      <c r="H533" s="145"/>
      <c r="I533" s="134"/>
      <c r="J533" s="453" t="s">
        <v>1239</v>
      </c>
      <c r="K533" s="143"/>
    </row>
    <row r="534" spans="2:11" ht="67.2">
      <c r="B534" s="177"/>
      <c r="C534" s="454" t="s">
        <v>946</v>
      </c>
      <c r="D534" s="25"/>
      <c r="E534" s="203"/>
      <c r="H534" s="67"/>
      <c r="I534" s="511" t="s">
        <v>1361</v>
      </c>
      <c r="J534" s="455" t="s">
        <v>947</v>
      </c>
      <c r="K534" s="68"/>
    </row>
    <row r="535" spans="2:11" ht="28.8">
      <c r="B535" s="177"/>
      <c r="C535" s="456" t="s">
        <v>945</v>
      </c>
      <c r="D535" s="11"/>
      <c r="E535" s="204"/>
      <c r="H535" s="252"/>
      <c r="I535" s="496" t="s">
        <v>1362</v>
      </c>
      <c r="J535" s="457" t="s">
        <v>949</v>
      </c>
      <c r="K535" s="6"/>
    </row>
    <row r="536" spans="2:11" ht="86.4">
      <c r="B536" s="177"/>
      <c r="C536" s="253"/>
      <c r="D536" s="11"/>
      <c r="E536" s="6"/>
      <c r="H536" s="252"/>
      <c r="I536" s="11"/>
      <c r="J536" s="304" t="s">
        <v>1240</v>
      </c>
      <c r="K536" s="305" t="s">
        <v>1241</v>
      </c>
    </row>
    <row r="537" spans="2:11" ht="28.8">
      <c r="B537" s="177"/>
      <c r="C537" s="181"/>
      <c r="D537" s="458" t="s">
        <v>468</v>
      </c>
      <c r="E537" s="205"/>
      <c r="H537" s="145"/>
      <c r="I537" s="134"/>
      <c r="J537" s="202"/>
      <c r="K537" s="143"/>
    </row>
    <row r="538" spans="2:11" ht="48">
      <c r="B538" s="177"/>
      <c r="C538" s="253"/>
      <c r="D538" s="11"/>
      <c r="E538" s="459" t="s">
        <v>465</v>
      </c>
      <c r="H538" s="69"/>
      <c r="I538" s="26"/>
      <c r="J538" s="45"/>
      <c r="K538" s="459" t="s">
        <v>704</v>
      </c>
    </row>
    <row r="539" spans="2:11">
      <c r="B539" s="177"/>
      <c r="C539" s="253"/>
      <c r="D539" s="11"/>
      <c r="E539" s="460" t="s">
        <v>467</v>
      </c>
      <c r="H539" s="67"/>
      <c r="I539" s="25"/>
      <c r="J539" s="44"/>
      <c r="K539" s="68"/>
    </row>
    <row r="540" spans="2:11" ht="28.8">
      <c r="B540" s="177"/>
      <c r="C540" s="253"/>
      <c r="D540" s="11"/>
      <c r="E540" s="6"/>
      <c r="H540" s="252"/>
      <c r="I540" s="11"/>
      <c r="J540" s="22"/>
      <c r="K540" s="305" t="s">
        <v>1242</v>
      </c>
    </row>
    <row r="541" spans="2:11" ht="87" customHeight="1">
      <c r="B541" s="177"/>
      <c r="C541" s="253"/>
      <c r="D541" s="11"/>
      <c r="E541" s="143"/>
      <c r="H541" s="145"/>
      <c r="I541" s="489" t="s">
        <v>1363</v>
      </c>
      <c r="J541" s="453" t="s">
        <v>1243</v>
      </c>
      <c r="K541" s="143"/>
    </row>
    <row r="542" spans="2:11" ht="249.6">
      <c r="B542" s="177"/>
      <c r="C542" s="253"/>
      <c r="D542" s="11"/>
      <c r="E542" s="461" t="s">
        <v>466</v>
      </c>
      <c r="H542" s="71"/>
      <c r="I542" s="522" t="s">
        <v>1364</v>
      </c>
      <c r="J542" s="462" t="s">
        <v>705</v>
      </c>
      <c r="K542" s="72"/>
    </row>
    <row r="543" spans="2:11" ht="48">
      <c r="B543" s="197" t="s">
        <v>706</v>
      </c>
      <c r="C543" s="271"/>
      <c r="D543" s="1"/>
      <c r="E543" s="60"/>
      <c r="H543" s="270"/>
      <c r="I543" s="1"/>
      <c r="J543" s="47"/>
      <c r="K543" s="463" t="s">
        <v>1244</v>
      </c>
    </row>
    <row r="544" spans="2:11" ht="38.4">
      <c r="B544" s="197" t="s">
        <v>948</v>
      </c>
      <c r="C544" s="271"/>
      <c r="D544" s="1"/>
      <c r="E544" s="60"/>
      <c r="H544" s="270"/>
      <c r="I544" s="1"/>
      <c r="J544" s="47"/>
      <c r="K544" s="463" t="s">
        <v>1245</v>
      </c>
    </row>
    <row r="545" spans="2:11" ht="38.4">
      <c r="B545" s="254" t="s">
        <v>125</v>
      </c>
      <c r="C545" s="346" t="s">
        <v>126</v>
      </c>
      <c r="D545" s="340" t="s">
        <v>951</v>
      </c>
      <c r="E545" s="52"/>
      <c r="H545" s="267"/>
      <c r="I545" s="2"/>
      <c r="J545" s="336" t="s">
        <v>709</v>
      </c>
      <c r="K545" s="52"/>
    </row>
    <row r="546" spans="2:11">
      <c r="B546" s="255"/>
      <c r="C546" s="253"/>
      <c r="D546" s="311" t="s">
        <v>950</v>
      </c>
      <c r="E546" s="6"/>
      <c r="H546" s="252"/>
      <c r="I546" s="11"/>
      <c r="J546" s="22"/>
      <c r="K546" s="6"/>
    </row>
    <row r="547" spans="2:11" ht="38.4">
      <c r="B547" s="255"/>
      <c r="C547" s="253"/>
      <c r="D547" s="11"/>
      <c r="E547" s="6"/>
      <c r="H547" s="252"/>
      <c r="I547" s="11"/>
      <c r="J547" s="22"/>
      <c r="K547" s="305" t="s">
        <v>1246</v>
      </c>
    </row>
    <row r="548" spans="2:11" ht="57.6">
      <c r="B548" s="255"/>
      <c r="C548" s="253"/>
      <c r="D548" s="321" t="s">
        <v>707</v>
      </c>
      <c r="E548" s="6"/>
      <c r="H548" s="252"/>
      <c r="I548" s="11"/>
      <c r="J548" s="324" t="s">
        <v>708</v>
      </c>
      <c r="K548" s="6"/>
    </row>
    <row r="549" spans="2:11" ht="28.8">
      <c r="B549" s="255"/>
      <c r="C549" s="253"/>
      <c r="D549" s="11"/>
      <c r="E549" s="6"/>
      <c r="H549" s="252"/>
      <c r="I549" s="11"/>
      <c r="J549" s="22"/>
      <c r="K549" s="305" t="s">
        <v>1247</v>
      </c>
    </row>
    <row r="550" spans="2:11" ht="28.8">
      <c r="B550" s="197" t="s">
        <v>712</v>
      </c>
      <c r="C550" s="271"/>
      <c r="D550" s="1"/>
      <c r="E550" s="60"/>
      <c r="H550" s="270"/>
      <c r="I550" s="1"/>
      <c r="J550" s="47"/>
      <c r="K550" s="463" t="s">
        <v>1248</v>
      </c>
    </row>
    <row r="551" spans="2:11" ht="106.2" thickBot="1">
      <c r="B551" s="178" t="s">
        <v>713</v>
      </c>
      <c r="C551" s="262"/>
      <c r="D551" s="15"/>
      <c r="E551" s="7"/>
      <c r="H551" s="14"/>
      <c r="I551" s="15"/>
      <c r="J551" s="344" t="s">
        <v>1249</v>
      </c>
      <c r="K551" s="464" t="s">
        <v>1250</v>
      </c>
    </row>
    <row r="552" spans="2:11" ht="15" thickTop="1">
      <c r="B552" s="33"/>
    </row>
    <row r="553" spans="2:11" ht="16.2">
      <c r="B553" s="278" t="s">
        <v>715</v>
      </c>
    </row>
    <row r="554" spans="2:11" ht="6.75" customHeight="1" thickBot="1">
      <c r="B554" s="33"/>
    </row>
    <row r="555" spans="2:11" ht="15" customHeight="1" thickTop="1" thickBot="1">
      <c r="B555" s="528" t="s">
        <v>0</v>
      </c>
      <c r="C555" s="529"/>
      <c r="D555" s="85" t="s">
        <v>158</v>
      </c>
      <c r="E555" s="86" t="s">
        <v>1</v>
      </c>
      <c r="H555" s="257" t="s">
        <v>274</v>
      </c>
      <c r="I555" s="85" t="s">
        <v>275</v>
      </c>
      <c r="J555" s="85" t="s">
        <v>276</v>
      </c>
      <c r="K555" s="86" t="s">
        <v>277</v>
      </c>
    </row>
    <row r="556" spans="2:11" ht="68.25" customHeight="1">
      <c r="B556" s="537" t="s">
        <v>716</v>
      </c>
      <c r="C556" s="538"/>
      <c r="D556" s="12"/>
      <c r="E556" s="53"/>
      <c r="H556" s="252"/>
      <c r="I556" s="11"/>
      <c r="J556" s="548" t="s">
        <v>717</v>
      </c>
      <c r="K556" s="549"/>
    </row>
    <row r="557" spans="2:11" ht="19.2">
      <c r="B557" s="54" t="s">
        <v>723</v>
      </c>
      <c r="C557" s="93"/>
      <c r="D557" s="174"/>
      <c r="E557" s="52"/>
      <c r="H557" s="54"/>
      <c r="I557" s="3"/>
      <c r="J557" s="424"/>
      <c r="K557" s="404"/>
    </row>
    <row r="558" spans="2:11" ht="48">
      <c r="B558" s="168" t="s">
        <v>724</v>
      </c>
      <c r="C558" s="36"/>
      <c r="D558" s="156"/>
      <c r="E558" s="61"/>
      <c r="H558" s="168"/>
      <c r="I558" s="41"/>
      <c r="J558" s="444" t="s">
        <v>718</v>
      </c>
      <c r="K558" s="402" t="s">
        <v>719</v>
      </c>
    </row>
    <row r="559" spans="2:11" ht="38.4">
      <c r="B559" s="250"/>
      <c r="C559" s="153"/>
      <c r="D559" s="159"/>
      <c r="E559" s="6"/>
      <c r="H559" s="250"/>
      <c r="I559" s="10"/>
      <c r="J559" s="424" t="s">
        <v>956</v>
      </c>
      <c r="K559" s="404"/>
    </row>
    <row r="560" spans="2:11" ht="28.8">
      <c r="B560" s="250"/>
      <c r="C560" s="153"/>
      <c r="D560" s="159"/>
      <c r="E560" s="6"/>
      <c r="H560" s="250"/>
      <c r="I560" s="10"/>
      <c r="J560" s="424" t="s">
        <v>955</v>
      </c>
      <c r="K560" s="404" t="s">
        <v>957</v>
      </c>
    </row>
    <row r="561" spans="2:11" ht="38.4">
      <c r="B561" s="250"/>
      <c r="C561" s="153"/>
      <c r="D561" s="159"/>
      <c r="E561" s="6"/>
      <c r="H561" s="250"/>
      <c r="I561" s="10"/>
      <c r="J561" s="424"/>
      <c r="K561" s="404" t="s">
        <v>1251</v>
      </c>
    </row>
    <row r="562" spans="2:11" ht="19.2">
      <c r="B562" s="169"/>
      <c r="C562" s="154"/>
      <c r="D562" s="157"/>
      <c r="E562" s="115"/>
      <c r="H562" s="169"/>
      <c r="I562" s="172"/>
      <c r="J562" s="445" t="s">
        <v>1252</v>
      </c>
      <c r="K562" s="406"/>
    </row>
    <row r="563" spans="2:11" ht="38.4">
      <c r="B563" s="250" t="s">
        <v>725</v>
      </c>
      <c r="C563" s="153"/>
      <c r="D563" s="159"/>
      <c r="E563" s="6"/>
      <c r="H563" s="250"/>
      <c r="I563" s="10"/>
      <c r="J563" s="424" t="s">
        <v>958</v>
      </c>
      <c r="K563" s="404"/>
    </row>
    <row r="564" spans="2:11" ht="48">
      <c r="B564" s="250"/>
      <c r="C564" s="153"/>
      <c r="D564" s="159"/>
      <c r="E564" s="6"/>
      <c r="H564" s="250"/>
      <c r="I564" s="10"/>
      <c r="J564" s="424"/>
      <c r="K564" s="404" t="s">
        <v>1253</v>
      </c>
    </row>
    <row r="565" spans="2:11" ht="38.4">
      <c r="B565" s="250"/>
      <c r="C565" s="153"/>
      <c r="D565" s="159"/>
      <c r="E565" s="6"/>
      <c r="H565" s="250"/>
      <c r="I565" s="10"/>
      <c r="J565" s="424" t="s">
        <v>720</v>
      </c>
      <c r="K565" s="404"/>
    </row>
    <row r="566" spans="2:11" ht="76.8">
      <c r="B566" s="250"/>
      <c r="C566" s="153"/>
      <c r="D566" s="159"/>
      <c r="E566" s="6"/>
      <c r="H566" s="250"/>
      <c r="I566" s="10"/>
      <c r="J566" s="424" t="s">
        <v>721</v>
      </c>
      <c r="K566" s="404"/>
    </row>
    <row r="567" spans="2:11" ht="96">
      <c r="B567" s="169"/>
      <c r="C567" s="154"/>
      <c r="D567" s="157"/>
      <c r="E567" s="115"/>
      <c r="H567" s="169"/>
      <c r="I567" s="172"/>
      <c r="J567" s="445" t="s">
        <v>1254</v>
      </c>
      <c r="K567" s="406"/>
    </row>
    <row r="568" spans="2:11" ht="86.4">
      <c r="B568" s="263" t="s">
        <v>726</v>
      </c>
      <c r="C568" s="18"/>
      <c r="D568" s="12"/>
      <c r="E568" s="53"/>
      <c r="H568" s="258"/>
      <c r="I568" s="12"/>
      <c r="J568" s="465" t="s">
        <v>1255</v>
      </c>
      <c r="K568" s="325"/>
    </row>
    <row r="569" spans="2:11">
      <c r="B569" s="54" t="s">
        <v>727</v>
      </c>
      <c r="C569" s="16"/>
      <c r="D569" s="2"/>
      <c r="E569" s="52"/>
      <c r="H569" s="267"/>
      <c r="I569" s="2"/>
      <c r="J569" s="423"/>
      <c r="K569" s="357"/>
    </row>
    <row r="570" spans="2:11" ht="153.6">
      <c r="B570" s="170" t="s">
        <v>728</v>
      </c>
      <c r="C570" s="37"/>
      <c r="D570" s="158"/>
      <c r="E570" s="62"/>
      <c r="H570" s="170"/>
      <c r="I570" s="173"/>
      <c r="J570" s="447" t="s">
        <v>1256</v>
      </c>
      <c r="K570" s="409"/>
    </row>
    <row r="571" spans="2:11" ht="28.8">
      <c r="B571" s="170" t="s">
        <v>729</v>
      </c>
      <c r="C571" s="155"/>
      <c r="D571" s="158"/>
      <c r="E571" s="62"/>
      <c r="H571" s="170"/>
      <c r="I571" s="173"/>
      <c r="J571" s="447"/>
      <c r="K571" s="409" t="s">
        <v>1257</v>
      </c>
    </row>
    <row r="572" spans="2:11" ht="19.2">
      <c r="B572" s="263" t="s">
        <v>730</v>
      </c>
      <c r="C572" s="18"/>
      <c r="D572" s="12"/>
      <c r="E572" s="53"/>
      <c r="H572" s="258"/>
      <c r="I572" s="12"/>
      <c r="J572" s="465" t="s">
        <v>1258</v>
      </c>
      <c r="K572" s="325"/>
    </row>
    <row r="573" spans="2:11" ht="38.4">
      <c r="B573" s="54" t="s">
        <v>731</v>
      </c>
      <c r="C573" s="16"/>
      <c r="D573" s="2"/>
      <c r="E573" s="52"/>
      <c r="H573" s="252"/>
      <c r="I573" s="11"/>
      <c r="J573" s="419" t="s">
        <v>1259</v>
      </c>
      <c r="K573" s="305"/>
    </row>
    <row r="574" spans="2:11" ht="19.2">
      <c r="B574" s="263"/>
      <c r="C574" s="18"/>
      <c r="D574" s="12"/>
      <c r="E574" s="53"/>
      <c r="H574" s="258"/>
      <c r="I574" s="12"/>
      <c r="J574" s="465"/>
      <c r="K574" s="325" t="s">
        <v>1260</v>
      </c>
    </row>
    <row r="575" spans="2:11">
      <c r="B575" s="535" t="s">
        <v>732</v>
      </c>
      <c r="C575" s="536"/>
      <c r="D575" s="1"/>
      <c r="E575" s="60"/>
      <c r="H575" s="270"/>
      <c r="I575" s="1"/>
      <c r="J575" s="466"/>
      <c r="K575" s="463"/>
    </row>
    <row r="576" spans="2:11" ht="19.2">
      <c r="B576" s="54" t="s">
        <v>723</v>
      </c>
      <c r="C576" s="93"/>
      <c r="D576" s="174"/>
      <c r="E576" s="52"/>
      <c r="H576" s="54"/>
      <c r="I576" s="3"/>
      <c r="J576" s="420"/>
      <c r="K576" s="421"/>
    </row>
    <row r="577" spans="2:11" ht="48">
      <c r="B577" s="170" t="s">
        <v>959</v>
      </c>
      <c r="C577" s="155"/>
      <c r="D577" s="158"/>
      <c r="E577" s="62"/>
      <c r="H577" s="170"/>
      <c r="I577" s="173"/>
      <c r="J577" s="447" t="s">
        <v>1261</v>
      </c>
      <c r="K577" s="409"/>
    </row>
    <row r="578" spans="2:11" ht="19.2">
      <c r="B578" s="250" t="s">
        <v>733</v>
      </c>
      <c r="C578" s="17"/>
      <c r="D578" s="159"/>
      <c r="E578" s="6"/>
      <c r="H578" s="250"/>
      <c r="I578" s="10"/>
      <c r="J578" s="424" t="s">
        <v>1262</v>
      </c>
      <c r="K578" s="404"/>
    </row>
    <row r="579" spans="2:11" ht="124.8">
      <c r="B579" s="263"/>
      <c r="C579" s="18"/>
      <c r="D579" s="160"/>
      <c r="E579" s="53"/>
      <c r="H579" s="263"/>
      <c r="I579" s="4"/>
      <c r="J579" s="422"/>
      <c r="K579" s="388" t="s">
        <v>1263</v>
      </c>
    </row>
    <row r="580" spans="2:11">
      <c r="B580" s="218" t="s">
        <v>727</v>
      </c>
      <c r="C580" s="207"/>
      <c r="D580" s="209"/>
      <c r="E580" s="214"/>
      <c r="H580" s="213"/>
      <c r="I580" s="209"/>
      <c r="J580" s="467"/>
      <c r="K580" s="468"/>
    </row>
    <row r="581" spans="2:11" ht="28.8">
      <c r="B581" s="215" t="s">
        <v>734</v>
      </c>
      <c r="C581" s="35"/>
      <c r="D581" s="210"/>
      <c r="E581" s="70"/>
      <c r="H581" s="215"/>
      <c r="I581" s="212"/>
      <c r="J581" s="469"/>
      <c r="K581" s="470" t="s">
        <v>1264</v>
      </c>
    </row>
    <row r="582" spans="2:11" ht="38.4">
      <c r="B582" s="215" t="s">
        <v>735</v>
      </c>
      <c r="C582" s="206"/>
      <c r="D582" s="210"/>
      <c r="E582" s="70"/>
      <c r="H582" s="215"/>
      <c r="I582" s="212"/>
      <c r="J582" s="469"/>
      <c r="K582" s="470" t="s">
        <v>1265</v>
      </c>
    </row>
    <row r="583" spans="2:11" ht="67.2">
      <c r="B583" s="263" t="s">
        <v>736</v>
      </c>
      <c r="C583" s="18"/>
      <c r="D583" s="12"/>
      <c r="E583" s="53"/>
      <c r="H583" s="258"/>
      <c r="I583" s="12"/>
      <c r="J583" s="465" t="s">
        <v>1266</v>
      </c>
      <c r="K583" s="325"/>
    </row>
    <row r="584" spans="2:11">
      <c r="B584" s="535" t="s">
        <v>737</v>
      </c>
      <c r="C584" s="536"/>
      <c r="D584" s="2"/>
      <c r="E584" s="52"/>
      <c r="H584" s="267"/>
      <c r="I584" s="2"/>
      <c r="J584" s="423"/>
      <c r="K584" s="357"/>
    </row>
    <row r="585" spans="2:11" ht="19.2">
      <c r="B585" s="169" t="s">
        <v>723</v>
      </c>
      <c r="C585" s="154"/>
      <c r="D585" s="158"/>
      <c r="E585" s="62"/>
      <c r="H585" s="170"/>
      <c r="I585" s="173"/>
      <c r="J585" s="447"/>
      <c r="K585" s="409"/>
    </row>
    <row r="586" spans="2:11" ht="57.6">
      <c r="B586" s="170" t="s">
        <v>722</v>
      </c>
      <c r="C586" s="155"/>
      <c r="D586" s="158"/>
      <c r="E586" s="62"/>
      <c r="H586" s="170"/>
      <c r="I586" s="173"/>
      <c r="J586" s="447" t="s">
        <v>1267</v>
      </c>
      <c r="K586" s="409" t="s">
        <v>1268</v>
      </c>
    </row>
    <row r="587" spans="2:11" ht="48">
      <c r="B587" s="250" t="s">
        <v>738</v>
      </c>
      <c r="C587" s="17"/>
      <c r="D587" s="159"/>
      <c r="E587" s="6"/>
      <c r="H587" s="250"/>
      <c r="I587" s="10"/>
      <c r="J587" s="424" t="s">
        <v>1269</v>
      </c>
      <c r="K587" s="404"/>
    </row>
    <row r="588" spans="2:11" ht="124.8">
      <c r="B588" s="250"/>
      <c r="C588" s="17"/>
      <c r="D588" s="159"/>
      <c r="E588" s="6"/>
      <c r="H588" s="250"/>
      <c r="I588" s="10"/>
      <c r="J588" s="424"/>
      <c r="K588" s="404" t="s">
        <v>739</v>
      </c>
    </row>
    <row r="589" spans="2:11" ht="38.4">
      <c r="B589" s="263"/>
      <c r="C589" s="18"/>
      <c r="D589" s="160"/>
      <c r="E589" s="53"/>
      <c r="H589" s="263"/>
      <c r="I589" s="4"/>
      <c r="J589" s="422"/>
      <c r="K589" s="388" t="s">
        <v>1270</v>
      </c>
    </row>
    <row r="590" spans="2:11">
      <c r="B590" s="219" t="s">
        <v>727</v>
      </c>
      <c r="C590" s="208"/>
      <c r="D590" s="211"/>
      <c r="E590" s="217"/>
      <c r="H590" s="216"/>
      <c r="I590" s="211"/>
      <c r="J590" s="471"/>
      <c r="K590" s="472"/>
    </row>
    <row r="591" spans="2:11" ht="76.8">
      <c r="B591" s="250" t="s">
        <v>740</v>
      </c>
      <c r="C591" s="17"/>
      <c r="D591" s="159"/>
      <c r="E591" s="6"/>
      <c r="H591" s="250"/>
      <c r="I591" s="10"/>
      <c r="J591" s="424" t="s">
        <v>1271</v>
      </c>
      <c r="K591" s="404"/>
    </row>
    <row r="592" spans="2:11" ht="86.4">
      <c r="B592" s="250"/>
      <c r="C592" s="17"/>
      <c r="D592" s="159"/>
      <c r="E592" s="6"/>
      <c r="H592" s="250"/>
      <c r="I592" s="10"/>
      <c r="J592" s="424" t="s">
        <v>1272</v>
      </c>
      <c r="K592" s="404"/>
    </row>
    <row r="593" spans="2:11" ht="96">
      <c r="B593" s="170" t="s">
        <v>741</v>
      </c>
      <c r="C593" s="155"/>
      <c r="D593" s="158"/>
      <c r="E593" s="62"/>
      <c r="H593" s="170"/>
      <c r="I593" s="173"/>
      <c r="J593" s="447"/>
      <c r="K593" s="409" t="s">
        <v>1273</v>
      </c>
    </row>
    <row r="594" spans="2:11" ht="19.2">
      <c r="B594" s="263" t="s">
        <v>742</v>
      </c>
      <c r="C594" s="18"/>
      <c r="D594" s="12"/>
      <c r="E594" s="53"/>
      <c r="H594" s="258"/>
      <c r="I594" s="12"/>
      <c r="J594" s="465"/>
      <c r="K594" s="325" t="s">
        <v>1274</v>
      </c>
    </row>
    <row r="595" spans="2:11" ht="19.2">
      <c r="B595" s="263" t="s">
        <v>743</v>
      </c>
      <c r="C595" s="18"/>
      <c r="D595" s="12"/>
      <c r="E595" s="53"/>
      <c r="H595" s="270"/>
      <c r="I595" s="1"/>
      <c r="J595" s="466" t="s">
        <v>1275</v>
      </c>
      <c r="K595" s="463"/>
    </row>
    <row r="596" spans="2:11">
      <c r="B596" s="535" t="s">
        <v>744</v>
      </c>
      <c r="C596" s="536"/>
      <c r="D596" s="1"/>
      <c r="E596" s="60"/>
      <c r="H596" s="267"/>
      <c r="I596" s="2"/>
      <c r="J596" s="423"/>
      <c r="K596" s="357"/>
    </row>
    <row r="597" spans="2:11" ht="58.2" thickBot="1">
      <c r="B597" s="77" t="s">
        <v>774</v>
      </c>
      <c r="C597" s="166"/>
      <c r="D597" s="179"/>
      <c r="E597" s="7"/>
      <c r="H597" s="266"/>
      <c r="I597" s="97"/>
      <c r="J597" s="376" t="s">
        <v>1276</v>
      </c>
      <c r="K597" s="378"/>
    </row>
    <row r="598" spans="2:11" ht="15" thickTop="1">
      <c r="B598" s="251"/>
      <c r="C598" s="253"/>
      <c r="D598" s="253"/>
      <c r="E598" s="253"/>
      <c r="H598" s="253"/>
      <c r="I598" s="253"/>
      <c r="J598" s="253"/>
      <c r="K598" s="253"/>
    </row>
    <row r="599" spans="2:11" ht="16.2">
      <c r="B599" s="278" t="s">
        <v>261</v>
      </c>
    </row>
    <row r="600" spans="2:11" ht="6.75" customHeight="1" thickBot="1">
      <c r="B600" s="33"/>
    </row>
    <row r="601" spans="2:11" ht="15" customHeight="1" thickTop="1" thickBot="1">
      <c r="B601" s="528" t="s">
        <v>0</v>
      </c>
      <c r="C601" s="529"/>
      <c r="D601" s="85" t="s">
        <v>158</v>
      </c>
      <c r="E601" s="86" t="s">
        <v>1</v>
      </c>
      <c r="H601" s="257" t="s">
        <v>274</v>
      </c>
      <c r="I601" s="85" t="s">
        <v>275</v>
      </c>
      <c r="J601" s="87" t="s">
        <v>276</v>
      </c>
      <c r="K601" s="86" t="s">
        <v>277</v>
      </c>
    </row>
    <row r="602" spans="2:11" ht="86.4">
      <c r="B602" s="252" t="s">
        <v>127</v>
      </c>
      <c r="C602" s="320" t="s">
        <v>206</v>
      </c>
      <c r="D602" s="11"/>
      <c r="E602" s="6" t="s">
        <v>207</v>
      </c>
      <c r="H602" s="360" t="s">
        <v>961</v>
      </c>
      <c r="I602" s="321" t="s">
        <v>470</v>
      </c>
      <c r="J602" s="324" t="s">
        <v>776</v>
      </c>
      <c r="K602" s="305" t="s">
        <v>1278</v>
      </c>
    </row>
    <row r="603" spans="2:11" ht="38.4">
      <c r="B603" s="252"/>
      <c r="C603" s="17"/>
      <c r="D603" s="321" t="s">
        <v>960</v>
      </c>
      <c r="E603" s="6"/>
      <c r="H603" s="360" t="s">
        <v>1277</v>
      </c>
      <c r="I603" s="11"/>
      <c r="J603" s="324" t="s">
        <v>962</v>
      </c>
      <c r="K603" s="341" t="s">
        <v>778</v>
      </c>
    </row>
    <row r="604" spans="2:11" ht="67.2">
      <c r="B604" s="252"/>
      <c r="C604" s="17"/>
      <c r="D604" s="11"/>
      <c r="E604" s="6"/>
      <c r="H604" s="252"/>
      <c r="I604" s="11"/>
      <c r="J604" s="304" t="s">
        <v>1279</v>
      </c>
      <c r="K604" s="6"/>
    </row>
    <row r="605" spans="2:11" ht="19.2">
      <c r="B605" s="252"/>
      <c r="C605" s="17"/>
      <c r="D605" s="11"/>
      <c r="E605" s="6"/>
      <c r="H605" s="252"/>
      <c r="I605" s="11"/>
      <c r="J605" s="22"/>
      <c r="K605" s="305" t="s">
        <v>1280</v>
      </c>
    </row>
    <row r="606" spans="2:11" ht="38.4">
      <c r="B606" s="252"/>
      <c r="C606" s="17"/>
      <c r="D606" s="321" t="s">
        <v>471</v>
      </c>
      <c r="E606" s="6"/>
      <c r="H606" s="360" t="s">
        <v>469</v>
      </c>
      <c r="I606" s="321" t="s">
        <v>505</v>
      </c>
      <c r="J606" s="324" t="s">
        <v>779</v>
      </c>
      <c r="K606" s="6"/>
    </row>
    <row r="607" spans="2:11" ht="28.8">
      <c r="B607" s="252"/>
      <c r="C607" s="17"/>
      <c r="D607" s="321" t="s">
        <v>1281</v>
      </c>
      <c r="E607" s="6"/>
      <c r="H607" s="252"/>
      <c r="I607" s="11"/>
      <c r="J607" s="324" t="s">
        <v>558</v>
      </c>
      <c r="K607" s="6"/>
    </row>
    <row r="608" spans="2:11" ht="19.2">
      <c r="B608" s="252"/>
      <c r="C608" s="17"/>
      <c r="D608" s="11"/>
      <c r="E608" s="6"/>
      <c r="H608" s="252"/>
      <c r="I608" s="11"/>
      <c r="J608" s="304" t="s">
        <v>559</v>
      </c>
      <c r="K608" s="6"/>
    </row>
    <row r="609" spans="2:11" ht="19.2">
      <c r="B609" s="252"/>
      <c r="C609" s="17"/>
      <c r="D609" s="11"/>
      <c r="E609" s="6"/>
      <c r="H609" s="252"/>
      <c r="I609" s="11"/>
      <c r="J609" s="304" t="s">
        <v>1282</v>
      </c>
      <c r="K609" s="6"/>
    </row>
    <row r="610" spans="2:11" ht="28.8">
      <c r="B610" s="258"/>
      <c r="C610" s="18"/>
      <c r="D610" s="12"/>
      <c r="E610" s="53"/>
      <c r="H610" s="258"/>
      <c r="I610" s="12"/>
      <c r="J610" s="342" t="s">
        <v>1283</v>
      </c>
      <c r="K610" s="53"/>
    </row>
    <row r="611" spans="2:11" ht="48">
      <c r="B611" s="267" t="s">
        <v>128</v>
      </c>
      <c r="C611" s="16" t="s">
        <v>208</v>
      </c>
      <c r="D611" s="3" t="s">
        <v>472</v>
      </c>
      <c r="E611" s="299" t="s">
        <v>478</v>
      </c>
      <c r="H611" s="54" t="s">
        <v>325</v>
      </c>
      <c r="I611" s="3" t="s">
        <v>374</v>
      </c>
      <c r="J611" s="24"/>
      <c r="K611" s="421" t="s">
        <v>1284</v>
      </c>
    </row>
    <row r="612" spans="2:11" ht="96">
      <c r="B612" s="252"/>
      <c r="C612" s="473" t="s">
        <v>209</v>
      </c>
      <c r="D612" s="3"/>
      <c r="E612" s="52"/>
      <c r="H612" s="474" t="s">
        <v>320</v>
      </c>
      <c r="I612" s="475" t="s">
        <v>375</v>
      </c>
      <c r="J612" s="478" t="s">
        <v>1285</v>
      </c>
      <c r="K612" s="55"/>
    </row>
    <row r="613" spans="2:11" ht="28.8">
      <c r="B613" s="348"/>
      <c r="C613" s="371"/>
      <c r="D613" s="476"/>
      <c r="E613" s="147"/>
      <c r="F613" s="32"/>
      <c r="G613" s="32"/>
      <c r="H613" s="477"/>
      <c r="I613" s="476"/>
      <c r="J613" s="403" t="s">
        <v>1286</v>
      </c>
      <c r="K613" s="347"/>
    </row>
    <row r="614" spans="2:11" ht="19.2">
      <c r="B614" s="252"/>
      <c r="C614" s="17"/>
      <c r="D614" s="10"/>
      <c r="E614" s="6"/>
      <c r="H614" s="250"/>
      <c r="I614" s="10"/>
      <c r="J614" s="403" t="s">
        <v>775</v>
      </c>
      <c r="K614" s="404"/>
    </row>
    <row r="615" spans="2:11" ht="38.4">
      <c r="B615" s="252"/>
      <c r="C615" s="17"/>
      <c r="D615" s="10"/>
      <c r="E615" s="6"/>
      <c r="H615" s="250"/>
      <c r="I615" s="10"/>
      <c r="J615" s="403"/>
      <c r="K615" s="404" t="s">
        <v>1287</v>
      </c>
    </row>
    <row r="616" spans="2:11" ht="19.2">
      <c r="B616" s="252"/>
      <c r="C616" s="17"/>
      <c r="D616" s="10"/>
      <c r="E616" s="6"/>
      <c r="H616" s="250"/>
      <c r="I616" s="10"/>
      <c r="J616" s="403" t="s">
        <v>1288</v>
      </c>
      <c r="K616" s="272"/>
    </row>
    <row r="617" spans="2:11" ht="123" customHeight="1">
      <c r="B617" s="252"/>
      <c r="C617" s="17"/>
      <c r="D617" s="479" t="s">
        <v>474</v>
      </c>
      <c r="E617" s="428" t="s">
        <v>1290</v>
      </c>
      <c r="H617" s="168"/>
      <c r="I617" s="41"/>
      <c r="J617" s="480" t="s">
        <v>1291</v>
      </c>
      <c r="K617" s="402" t="s">
        <v>1293</v>
      </c>
    </row>
    <row r="618" spans="2:11" ht="86.4">
      <c r="B618" s="348"/>
      <c r="C618" s="17"/>
      <c r="D618" s="10"/>
      <c r="E618" s="323" t="s">
        <v>1289</v>
      </c>
      <c r="H618" s="350"/>
      <c r="I618" s="10"/>
      <c r="J618" s="439" t="s">
        <v>1292</v>
      </c>
      <c r="K618" s="347"/>
    </row>
    <row r="619" spans="2:11" ht="96">
      <c r="B619" s="252"/>
      <c r="C619" s="17"/>
      <c r="D619" s="10"/>
      <c r="E619" s="6"/>
      <c r="H619" s="250"/>
      <c r="I619" s="10"/>
      <c r="J619" s="23"/>
      <c r="K619" s="404" t="s">
        <v>1294</v>
      </c>
    </row>
    <row r="620" spans="2:11" ht="19.2">
      <c r="B620" s="252"/>
      <c r="C620" s="17"/>
      <c r="D620" s="10"/>
      <c r="E620" s="6"/>
      <c r="H620" s="169"/>
      <c r="I620" s="172"/>
      <c r="J620" s="161"/>
      <c r="K620" s="394" t="s">
        <v>1295</v>
      </c>
    </row>
    <row r="621" spans="2:11" ht="59.25" customHeight="1">
      <c r="B621" s="252"/>
      <c r="C621" s="17"/>
      <c r="D621" s="479" t="s">
        <v>473</v>
      </c>
      <c r="E621" s="61"/>
      <c r="H621" s="170"/>
      <c r="I621" s="173"/>
      <c r="J621" s="481" t="s">
        <v>1296</v>
      </c>
      <c r="K621" s="482" t="s">
        <v>777</v>
      </c>
    </row>
    <row r="622" spans="2:11" ht="67.2">
      <c r="B622" s="348"/>
      <c r="C622" s="17"/>
      <c r="D622" s="41"/>
      <c r="E622" s="61"/>
      <c r="H622" s="170"/>
      <c r="I622" s="173"/>
      <c r="J622" s="408" t="s">
        <v>1297</v>
      </c>
      <c r="K622" s="62"/>
    </row>
    <row r="623" spans="2:11" ht="28.8">
      <c r="B623" s="252"/>
      <c r="C623" s="17"/>
      <c r="D623" s="444" t="s">
        <v>476</v>
      </c>
      <c r="E623" s="61"/>
      <c r="H623" s="170"/>
      <c r="I623" s="173"/>
      <c r="J623" s="162"/>
      <c r="K623" s="171"/>
    </row>
    <row r="624" spans="2:11">
      <c r="B624" s="258"/>
      <c r="C624" s="18"/>
      <c r="D624" s="422" t="s">
        <v>477</v>
      </c>
      <c r="E624" s="53"/>
      <c r="H624" s="263"/>
      <c r="I624" s="4"/>
      <c r="J624" s="100"/>
      <c r="K624" s="58"/>
    </row>
    <row r="625" spans="2:11" ht="86.4">
      <c r="B625" s="252"/>
      <c r="C625" s="473" t="s">
        <v>210</v>
      </c>
      <c r="D625" s="3"/>
      <c r="E625" s="52"/>
      <c r="H625" s="474" t="s">
        <v>326</v>
      </c>
      <c r="I625" s="475" t="s">
        <v>376</v>
      </c>
      <c r="J625" s="478" t="s">
        <v>963</v>
      </c>
      <c r="K625" s="55"/>
    </row>
    <row r="626" spans="2:11" ht="19.2">
      <c r="B626" s="252"/>
      <c r="C626" s="17"/>
      <c r="D626" s="10"/>
      <c r="E626" s="6"/>
      <c r="H626" s="250"/>
      <c r="I626" s="10"/>
      <c r="J626" s="403" t="s">
        <v>1298</v>
      </c>
      <c r="K626" s="272"/>
    </row>
    <row r="627" spans="2:11" ht="28.8">
      <c r="B627" s="252"/>
      <c r="C627" s="17"/>
      <c r="D627" s="10"/>
      <c r="E627" s="6"/>
      <c r="H627" s="250"/>
      <c r="I627" s="10"/>
      <c r="J627" s="403" t="s">
        <v>1299</v>
      </c>
      <c r="K627" s="272"/>
    </row>
    <row r="628" spans="2:11" ht="19.2">
      <c r="B628" s="256"/>
      <c r="C628" s="18"/>
      <c r="D628" s="483" t="s">
        <v>475</v>
      </c>
      <c r="E628" s="53"/>
      <c r="H628" s="263"/>
      <c r="I628" s="4"/>
      <c r="J628" s="100"/>
      <c r="K628" s="58"/>
    </row>
    <row r="629" spans="2:11" ht="57.6">
      <c r="B629" s="252" t="s">
        <v>964</v>
      </c>
      <c r="C629" s="484" t="s">
        <v>965</v>
      </c>
      <c r="D629" s="10" t="s">
        <v>966</v>
      </c>
      <c r="E629" s="6"/>
      <c r="H629" s="250"/>
      <c r="I629" s="10"/>
      <c r="J629" s="23"/>
      <c r="K629" s="272"/>
    </row>
    <row r="630" spans="2:11" ht="96.6" thickBot="1">
      <c r="B630" s="14"/>
      <c r="C630" s="78"/>
      <c r="D630" s="15"/>
      <c r="E630" s="7"/>
      <c r="H630" s="14"/>
      <c r="I630" s="15"/>
      <c r="J630" s="81"/>
      <c r="K630" s="464" t="s">
        <v>1300</v>
      </c>
    </row>
    <row r="631" spans="2:11" ht="15" thickTop="1">
      <c r="B631" s="253"/>
      <c r="C631" s="253"/>
      <c r="D631" s="253"/>
      <c r="E631" s="253"/>
      <c r="H631" s="253"/>
      <c r="I631" s="253"/>
      <c r="J631" s="253"/>
      <c r="K631" s="253"/>
    </row>
    <row r="632" spans="2:11" ht="16.2">
      <c r="B632" s="278" t="s">
        <v>262</v>
      </c>
    </row>
    <row r="633" spans="2:11" ht="6" customHeight="1" thickBot="1">
      <c r="B633" s="33"/>
    </row>
    <row r="634" spans="2:11" ht="15" customHeight="1" thickTop="1" thickBot="1">
      <c r="B634" s="528" t="s">
        <v>0</v>
      </c>
      <c r="C634" s="529"/>
      <c r="D634" s="85" t="s">
        <v>158</v>
      </c>
      <c r="E634" s="86" t="s">
        <v>1</v>
      </c>
      <c r="H634" s="128" t="s">
        <v>274</v>
      </c>
      <c r="I634" s="82" t="s">
        <v>275</v>
      </c>
      <c r="J634" s="83" t="s">
        <v>276</v>
      </c>
      <c r="K634" s="84" t="s">
        <v>277</v>
      </c>
    </row>
    <row r="635" spans="2:11" ht="23.25" customHeight="1">
      <c r="B635" s="537" t="s">
        <v>129</v>
      </c>
      <c r="C635" s="538"/>
      <c r="D635" s="160" t="s">
        <v>263</v>
      </c>
      <c r="E635" s="220"/>
      <c r="H635" s="265"/>
      <c r="I635" s="95"/>
      <c r="J635" s="94"/>
      <c r="K635" s="96"/>
    </row>
    <row r="636" spans="2:11">
      <c r="B636" s="90" t="s">
        <v>130</v>
      </c>
      <c r="C636" s="485" t="s">
        <v>211</v>
      </c>
      <c r="D636" s="486" t="s">
        <v>212</v>
      </c>
      <c r="E636" s="221"/>
      <c r="H636" s="270"/>
      <c r="I636" s="1"/>
      <c r="J636" s="47"/>
      <c r="K636" s="60"/>
    </row>
    <row r="637" spans="2:11" ht="76.8">
      <c r="B637" s="254" t="s">
        <v>131</v>
      </c>
      <c r="C637" s="261" t="s">
        <v>213</v>
      </c>
      <c r="D637" s="2"/>
      <c r="E637" s="222"/>
      <c r="H637" s="267"/>
      <c r="I637" s="2"/>
      <c r="J637" s="356" t="s">
        <v>1301</v>
      </c>
      <c r="K637" s="357"/>
    </row>
    <row r="638" spans="2:11" ht="86.4">
      <c r="B638" s="256"/>
      <c r="C638" s="259"/>
      <c r="D638" s="12"/>
      <c r="E638" s="220"/>
      <c r="H638" s="258"/>
      <c r="I638" s="12"/>
      <c r="J638" s="342" t="s">
        <v>1302</v>
      </c>
      <c r="K638" s="325" t="s">
        <v>1303</v>
      </c>
    </row>
    <row r="639" spans="2:11" ht="38.4">
      <c r="B639" s="90" t="s">
        <v>745</v>
      </c>
      <c r="C639" s="488" t="s">
        <v>214</v>
      </c>
      <c r="D639" s="1"/>
      <c r="E639" s="221"/>
      <c r="H639" s="270"/>
      <c r="I639" s="1"/>
      <c r="J639" s="47"/>
      <c r="K639" s="487" t="s">
        <v>748</v>
      </c>
    </row>
    <row r="640" spans="2:11" ht="38.4">
      <c r="B640" s="254" t="s">
        <v>746</v>
      </c>
      <c r="C640" s="261"/>
      <c r="D640" s="2"/>
      <c r="E640" s="222"/>
      <c r="H640" s="267"/>
      <c r="I640" s="2"/>
      <c r="J640" s="356" t="s">
        <v>1304</v>
      </c>
      <c r="K640" s="357"/>
    </row>
    <row r="641" spans="2:11" ht="104.25" customHeight="1">
      <c r="B641" s="255"/>
      <c r="C641" s="253"/>
      <c r="D641" s="11"/>
      <c r="E641" s="204"/>
      <c r="H641" s="252"/>
      <c r="I641" s="11"/>
      <c r="J641" s="304"/>
      <c r="K641" s="305" t="s">
        <v>1305</v>
      </c>
    </row>
    <row r="642" spans="2:11" ht="76.8">
      <c r="B642" s="256"/>
      <c r="C642" s="259"/>
      <c r="D642" s="12"/>
      <c r="E642" s="220"/>
      <c r="H642" s="258"/>
      <c r="I642" s="12"/>
      <c r="J642" s="342" t="s">
        <v>1306</v>
      </c>
      <c r="K642" s="325"/>
    </row>
    <row r="643" spans="2:11" ht="28.8">
      <c r="B643" s="90" t="s">
        <v>747</v>
      </c>
      <c r="C643" s="271"/>
      <c r="D643" s="1"/>
      <c r="E643" s="221"/>
      <c r="H643" s="270"/>
      <c r="I643" s="1"/>
      <c r="J643" s="358"/>
      <c r="K643" s="463" t="s">
        <v>1307</v>
      </c>
    </row>
    <row r="644" spans="2:11" ht="29.4" thickBot="1">
      <c r="B644" s="260" t="s">
        <v>635</v>
      </c>
      <c r="C644" s="262"/>
      <c r="D644" s="15"/>
      <c r="E644" s="223"/>
      <c r="H644" s="14"/>
      <c r="I644" s="15"/>
      <c r="J644" s="344"/>
      <c r="K644" s="464" t="s">
        <v>1308</v>
      </c>
    </row>
    <row r="645" spans="2:11" ht="15" thickTop="1">
      <c r="B645" s="33"/>
    </row>
    <row r="646" spans="2:11" ht="16.2">
      <c r="B646" s="278" t="s">
        <v>264</v>
      </c>
    </row>
    <row r="647" spans="2:11" ht="6" customHeight="1" thickBot="1">
      <c r="B647" s="33"/>
    </row>
    <row r="648" spans="2:11" ht="15" customHeight="1" thickTop="1" thickBot="1">
      <c r="B648" s="528" t="s">
        <v>0</v>
      </c>
      <c r="C648" s="529"/>
      <c r="D648" s="85" t="s">
        <v>158</v>
      </c>
      <c r="E648" s="86" t="s">
        <v>1</v>
      </c>
      <c r="H648" s="257" t="s">
        <v>274</v>
      </c>
      <c r="I648" s="85" t="s">
        <v>275</v>
      </c>
      <c r="J648" s="87" t="s">
        <v>276</v>
      </c>
      <c r="K648" s="86" t="s">
        <v>277</v>
      </c>
    </row>
    <row r="649" spans="2:11" ht="45" customHeight="1">
      <c r="B649" s="533" t="s">
        <v>132</v>
      </c>
      <c r="C649" s="534"/>
      <c r="D649" s="135"/>
      <c r="E649" s="6" t="s">
        <v>265</v>
      </c>
      <c r="H649" s="258"/>
      <c r="I649" s="12"/>
      <c r="J649" s="20"/>
      <c r="K649" s="53"/>
    </row>
    <row r="650" spans="2:11" ht="67.2">
      <c r="B650" s="254" t="s">
        <v>133</v>
      </c>
      <c r="C650" s="448" t="s">
        <v>215</v>
      </c>
      <c r="D650" s="497" t="s">
        <v>479</v>
      </c>
      <c r="E650" s="498" t="s">
        <v>1326</v>
      </c>
      <c r="H650" s="267"/>
      <c r="I650" s="2"/>
      <c r="J650" s="449" t="s">
        <v>1327</v>
      </c>
      <c r="K650" s="52"/>
    </row>
    <row r="651" spans="2:11" ht="19.2">
      <c r="B651" s="351"/>
      <c r="C651" s="349"/>
      <c r="D651" s="11"/>
      <c r="E651" s="6"/>
      <c r="H651" s="348"/>
      <c r="I651" s="11"/>
      <c r="J651" s="304" t="s">
        <v>1325</v>
      </c>
      <c r="K651" s="6"/>
    </row>
    <row r="652" spans="2:11" ht="28.8">
      <c r="B652" s="255"/>
      <c r="C652" s="253"/>
      <c r="D652" s="11"/>
      <c r="E652" s="6"/>
      <c r="H652" s="252"/>
      <c r="I652" s="11"/>
      <c r="J652" s="22"/>
      <c r="K652" s="305" t="s">
        <v>1323</v>
      </c>
    </row>
    <row r="653" spans="2:11" ht="57.6">
      <c r="B653" s="255"/>
      <c r="C653" s="253"/>
      <c r="D653" s="496" t="s">
        <v>480</v>
      </c>
      <c r="E653" s="6"/>
      <c r="H653" s="252"/>
      <c r="I653" s="11"/>
      <c r="J653" s="457" t="s">
        <v>1324</v>
      </c>
      <c r="K653" s="6"/>
    </row>
    <row r="654" spans="2:11" ht="96">
      <c r="B654" s="256"/>
      <c r="C654" s="259"/>
      <c r="D654" s="12"/>
      <c r="E654" s="53"/>
      <c r="H654" s="258"/>
      <c r="I654" s="12"/>
      <c r="J654" s="20"/>
      <c r="K654" s="325" t="s">
        <v>1328</v>
      </c>
    </row>
    <row r="655" spans="2:11" ht="57.6">
      <c r="B655" s="530" t="s">
        <v>134</v>
      </c>
      <c r="C655" s="540" t="s">
        <v>216</v>
      </c>
      <c r="D655" s="499" t="s">
        <v>488</v>
      </c>
      <c r="E655" s="52"/>
      <c r="H655" s="267"/>
      <c r="I655" s="2"/>
      <c r="J655" s="43"/>
      <c r="K655" s="52"/>
    </row>
    <row r="656" spans="2:11" ht="19.2">
      <c r="B656" s="531"/>
      <c r="C656" s="534"/>
      <c r="D656" s="311" t="s">
        <v>487</v>
      </c>
      <c r="E656" s="6"/>
      <c r="H656" s="252"/>
      <c r="I656" s="11"/>
      <c r="J656" s="22"/>
      <c r="K656" s="6"/>
    </row>
    <row r="657" spans="2:11" ht="19.2">
      <c r="B657" s="531"/>
      <c r="C657" s="534"/>
      <c r="D657" s="11"/>
      <c r="E657" s="345" t="s">
        <v>481</v>
      </c>
      <c r="H657" s="252"/>
      <c r="I657" s="11"/>
      <c r="J657" s="22"/>
      <c r="K657" s="6"/>
    </row>
    <row r="658" spans="2:11" ht="28.8">
      <c r="B658" s="531"/>
      <c r="C658" s="534"/>
      <c r="D658" s="11"/>
      <c r="E658" s="345" t="s">
        <v>483</v>
      </c>
      <c r="H658" s="252"/>
      <c r="I658" s="11"/>
      <c r="J658" s="22"/>
      <c r="K658" s="6"/>
    </row>
    <row r="659" spans="2:11" ht="19.2">
      <c r="B659" s="531"/>
      <c r="C659" s="534"/>
      <c r="D659" s="11"/>
      <c r="E659" s="345" t="s">
        <v>484</v>
      </c>
      <c r="H659" s="252"/>
      <c r="I659" s="11"/>
      <c r="J659" s="22"/>
      <c r="K659" s="6"/>
    </row>
    <row r="660" spans="2:11" ht="19.2">
      <c r="B660" s="531"/>
      <c r="C660" s="534"/>
      <c r="D660" s="11"/>
      <c r="E660" s="345" t="s">
        <v>482</v>
      </c>
      <c r="H660" s="252"/>
      <c r="I660" s="11"/>
      <c r="J660" s="22"/>
      <c r="K660" s="6"/>
    </row>
    <row r="661" spans="2:11" ht="38.4">
      <c r="B661" s="531"/>
      <c r="C661" s="534"/>
      <c r="D661" s="11"/>
      <c r="E661" s="345" t="s">
        <v>485</v>
      </c>
      <c r="H661" s="252"/>
      <c r="I661" s="11"/>
      <c r="J661" s="22"/>
      <c r="K661" s="6"/>
    </row>
    <row r="662" spans="2:11" ht="19.8" thickBot="1">
      <c r="B662" s="539"/>
      <c r="C662" s="541"/>
      <c r="D662" s="224"/>
      <c r="E662" s="359" t="s">
        <v>486</v>
      </c>
      <c r="H662" s="77"/>
      <c r="I662" s="98"/>
      <c r="J662" s="102"/>
      <c r="K662" s="99"/>
    </row>
    <row r="663" spans="2:11" ht="15" thickTop="1">
      <c r="B663" s="34"/>
    </row>
    <row r="664" spans="2:11" ht="16.2">
      <c r="B664" s="278" t="s">
        <v>758</v>
      </c>
    </row>
    <row r="665" spans="2:11" ht="7.5" customHeight="1" thickBot="1">
      <c r="B665" s="34"/>
    </row>
    <row r="666" spans="2:11" ht="15" customHeight="1" thickTop="1" thickBot="1">
      <c r="B666" s="528" t="s">
        <v>0</v>
      </c>
      <c r="C666" s="529"/>
      <c r="D666" s="85" t="s">
        <v>158</v>
      </c>
      <c r="E666" s="86" t="s">
        <v>1</v>
      </c>
      <c r="H666" s="257" t="s">
        <v>274</v>
      </c>
      <c r="I666" s="85" t="s">
        <v>275</v>
      </c>
      <c r="J666" s="85" t="s">
        <v>276</v>
      </c>
      <c r="K666" s="86" t="s">
        <v>277</v>
      </c>
    </row>
    <row r="667" spans="2:11">
      <c r="B667" s="542" t="s">
        <v>759</v>
      </c>
      <c r="C667" s="543"/>
      <c r="D667" s="133"/>
      <c r="E667" s="53"/>
      <c r="H667" s="258"/>
      <c r="I667" s="12"/>
      <c r="J667" s="465"/>
      <c r="K667" s="325"/>
    </row>
    <row r="668" spans="2:11" ht="28.8">
      <c r="B668" s="225" t="s">
        <v>762</v>
      </c>
      <c r="C668" s="181"/>
      <c r="D668" s="134"/>
      <c r="E668" s="143"/>
      <c r="H668" s="145"/>
      <c r="I668" s="134"/>
      <c r="J668" s="489" t="s">
        <v>1309</v>
      </c>
      <c r="K668" s="490" t="s">
        <v>1310</v>
      </c>
    </row>
    <row r="669" spans="2:11" ht="124.8">
      <c r="B669" s="226" t="s">
        <v>763</v>
      </c>
      <c r="C669" s="201"/>
      <c r="D669" s="25"/>
      <c r="E669" s="68"/>
      <c r="H669" s="67"/>
      <c r="I669" s="25"/>
      <c r="J669" s="491"/>
      <c r="K669" s="306" t="s">
        <v>967</v>
      </c>
    </row>
    <row r="670" spans="2:11" ht="28.8">
      <c r="B670" s="227"/>
      <c r="C670" s="181"/>
      <c r="D670" s="134"/>
      <c r="E670" s="143"/>
      <c r="H670" s="145"/>
      <c r="I670" s="134"/>
      <c r="J670" s="489"/>
      <c r="K670" s="490" t="s">
        <v>1311</v>
      </c>
    </row>
    <row r="671" spans="2:11" ht="48">
      <c r="B671" s="226" t="s">
        <v>764</v>
      </c>
      <c r="C671" s="201"/>
      <c r="D671" s="25"/>
      <c r="E671" s="68"/>
      <c r="H671" s="67"/>
      <c r="I671" s="25"/>
      <c r="J671" s="491" t="s">
        <v>1312</v>
      </c>
      <c r="K671" s="492"/>
    </row>
    <row r="672" spans="2:11" ht="48">
      <c r="B672" s="255"/>
      <c r="C672" s="253"/>
      <c r="D672" s="11"/>
      <c r="E672" s="6"/>
      <c r="H672" s="252"/>
      <c r="I672" s="11"/>
      <c r="J672" s="419"/>
      <c r="K672" s="305" t="s">
        <v>760</v>
      </c>
    </row>
    <row r="673" spans="2:11" ht="67.2">
      <c r="B673" s="255"/>
      <c r="C673" s="253"/>
      <c r="D673" s="11"/>
      <c r="E673" s="6"/>
      <c r="H673" s="252"/>
      <c r="I673" s="11"/>
      <c r="J673" s="419"/>
      <c r="K673" s="305" t="s">
        <v>1313</v>
      </c>
    </row>
    <row r="674" spans="2:11" ht="57.6">
      <c r="B674" s="255"/>
      <c r="C674" s="253"/>
      <c r="D674" s="11"/>
      <c r="E674" s="6"/>
      <c r="H674" s="252"/>
      <c r="I674" s="11"/>
      <c r="J674" s="419"/>
      <c r="K674" s="305" t="s">
        <v>761</v>
      </c>
    </row>
    <row r="675" spans="2:11" ht="76.8">
      <c r="B675" s="255"/>
      <c r="C675" s="253"/>
      <c r="D675" s="11"/>
      <c r="E675" s="6"/>
      <c r="H675" s="252"/>
      <c r="I675" s="11"/>
      <c r="J675" s="419"/>
      <c r="K675" s="305" t="s">
        <v>1314</v>
      </c>
    </row>
    <row r="676" spans="2:11">
      <c r="B676" s="526" t="s">
        <v>765</v>
      </c>
      <c r="C676" s="527"/>
      <c r="D676" s="132"/>
      <c r="E676" s="60"/>
      <c r="H676" s="270"/>
      <c r="I676" s="1"/>
      <c r="J676" s="466"/>
      <c r="K676" s="463"/>
    </row>
    <row r="677" spans="2:11" ht="38.4">
      <c r="B677" s="225" t="s">
        <v>766</v>
      </c>
      <c r="C677" s="181"/>
      <c r="D677" s="134"/>
      <c r="E677" s="143"/>
      <c r="H677" s="145"/>
      <c r="I677" s="134"/>
      <c r="J677" s="489" t="s">
        <v>1315</v>
      </c>
      <c r="K677" s="490"/>
    </row>
    <row r="678" spans="2:11" ht="86.4">
      <c r="B678" s="226" t="s">
        <v>767</v>
      </c>
      <c r="C678" s="201"/>
      <c r="D678" s="25"/>
      <c r="E678" s="68"/>
      <c r="H678" s="67"/>
      <c r="I678" s="25"/>
      <c r="J678" s="491"/>
      <c r="K678" s="306" t="s">
        <v>1316</v>
      </c>
    </row>
    <row r="679" spans="2:11">
      <c r="B679" s="526" t="s">
        <v>768</v>
      </c>
      <c r="C679" s="527"/>
      <c r="D679" s="132"/>
      <c r="E679" s="60"/>
      <c r="H679" s="270"/>
      <c r="I679" s="1"/>
      <c r="J679" s="466"/>
      <c r="K679" s="463"/>
    </row>
    <row r="680" spans="2:11" ht="67.2">
      <c r="B680" s="254" t="s">
        <v>769</v>
      </c>
      <c r="C680" s="253"/>
      <c r="D680" s="11"/>
      <c r="E680" s="6"/>
      <c r="H680" s="252"/>
      <c r="I680" s="11"/>
      <c r="J680" s="419" t="s">
        <v>770</v>
      </c>
      <c r="K680" s="305"/>
    </row>
    <row r="681" spans="2:11" ht="57.6">
      <c r="B681" s="255"/>
      <c r="C681" s="253"/>
      <c r="D681" s="11"/>
      <c r="E681" s="6"/>
      <c r="H681" s="252"/>
      <c r="I681" s="11"/>
      <c r="J681" s="419" t="s">
        <v>1317</v>
      </c>
      <c r="K681" s="305" t="s">
        <v>263</v>
      </c>
    </row>
    <row r="682" spans="2:11" ht="28.8">
      <c r="B682" s="255"/>
      <c r="C682" s="253"/>
      <c r="D682" s="11"/>
      <c r="E682" s="6"/>
      <c r="H682" s="252"/>
      <c r="I682" s="11"/>
      <c r="J682" s="419"/>
      <c r="K682" s="305" t="s">
        <v>1318</v>
      </c>
    </row>
    <row r="683" spans="2:11" ht="19.2">
      <c r="B683" s="228" t="s">
        <v>771</v>
      </c>
      <c r="C683" s="180"/>
      <c r="D683" s="26"/>
      <c r="E683" s="70"/>
      <c r="H683" s="69"/>
      <c r="I683" s="26"/>
      <c r="J683" s="493" t="s">
        <v>1319</v>
      </c>
      <c r="K683" s="433"/>
    </row>
    <row r="684" spans="2:11" ht="19.2">
      <c r="B684" s="226" t="s">
        <v>773</v>
      </c>
      <c r="C684" s="201"/>
      <c r="D684" s="25"/>
      <c r="E684" s="68"/>
      <c r="H684" s="67"/>
      <c r="I684" s="25"/>
      <c r="J684" s="491" t="s">
        <v>970</v>
      </c>
      <c r="K684" s="306" t="s">
        <v>968</v>
      </c>
    </row>
    <row r="685" spans="2:11" ht="19.2">
      <c r="B685" s="255"/>
      <c r="C685" s="253"/>
      <c r="D685" s="11"/>
      <c r="E685" s="6"/>
      <c r="H685" s="252"/>
      <c r="I685" s="11"/>
      <c r="J685" s="419" t="s">
        <v>969</v>
      </c>
      <c r="K685" s="305" t="s">
        <v>999</v>
      </c>
    </row>
    <row r="686" spans="2:11" ht="115.2">
      <c r="B686" s="227"/>
      <c r="C686" s="181"/>
      <c r="D686" s="134"/>
      <c r="E686" s="143"/>
      <c r="H686" s="145"/>
      <c r="I686" s="134"/>
      <c r="J686" s="489" t="s">
        <v>1320</v>
      </c>
      <c r="K686" s="490" t="s">
        <v>1321</v>
      </c>
    </row>
    <row r="687" spans="2:11" ht="58.2" thickBot="1">
      <c r="B687" s="229" t="s">
        <v>635</v>
      </c>
      <c r="C687" s="230"/>
      <c r="D687" s="231"/>
      <c r="E687" s="232"/>
      <c r="H687" s="234"/>
      <c r="I687" s="231"/>
      <c r="J687" s="494" t="s">
        <v>1322</v>
      </c>
      <c r="K687" s="495"/>
    </row>
    <row r="688" spans="2:11" ht="16.8" thickTop="1">
      <c r="B688" s="278" t="s">
        <v>266</v>
      </c>
    </row>
    <row r="689" spans="2:11" ht="7.5" customHeight="1" thickBot="1">
      <c r="B689" s="34"/>
    </row>
    <row r="690" spans="2:11" ht="15" customHeight="1" thickTop="1" thickBot="1">
      <c r="B690" s="528" t="s">
        <v>772</v>
      </c>
      <c r="C690" s="529"/>
      <c r="D690" s="85" t="s">
        <v>158</v>
      </c>
      <c r="E690" s="86" t="s">
        <v>1</v>
      </c>
      <c r="H690" s="257" t="s">
        <v>274</v>
      </c>
      <c r="I690" s="85" t="s">
        <v>275</v>
      </c>
      <c r="J690" s="87" t="s">
        <v>276</v>
      </c>
      <c r="K690" s="86" t="s">
        <v>277</v>
      </c>
    </row>
    <row r="691" spans="2:11" ht="153.6">
      <c r="B691" s="255" t="s">
        <v>135</v>
      </c>
      <c r="C691" s="456" t="s">
        <v>1331</v>
      </c>
      <c r="D691" s="135"/>
      <c r="E691" s="6" t="s">
        <v>971</v>
      </c>
      <c r="H691" s="508" t="s">
        <v>1329</v>
      </c>
      <c r="I691" s="496" t="s">
        <v>1330</v>
      </c>
      <c r="J691" s="457" t="s">
        <v>1332</v>
      </c>
      <c r="K691" s="6"/>
    </row>
    <row r="692" spans="2:11" ht="96">
      <c r="B692" s="255"/>
      <c r="C692" s="253"/>
      <c r="D692" s="135"/>
      <c r="E692" s="6"/>
      <c r="H692" s="252"/>
      <c r="I692" s="11"/>
      <c r="J692" s="304" t="s">
        <v>1333</v>
      </c>
      <c r="K692" s="6"/>
    </row>
    <row r="693" spans="2:11" ht="57.6">
      <c r="B693" s="255"/>
      <c r="C693" s="253"/>
      <c r="D693" s="135"/>
      <c r="E693" s="6"/>
      <c r="H693" s="252"/>
      <c r="I693" s="11"/>
      <c r="J693" s="304" t="s">
        <v>1334</v>
      </c>
      <c r="K693" s="6"/>
    </row>
    <row r="694" spans="2:11">
      <c r="B694" s="256"/>
      <c r="C694" s="259"/>
      <c r="D694" s="133"/>
      <c r="E694" s="509" t="s">
        <v>972</v>
      </c>
      <c r="H694" s="258"/>
      <c r="I694" s="12"/>
      <c r="J694" s="20"/>
      <c r="K694" s="53"/>
    </row>
    <row r="695" spans="2:11" ht="115.2">
      <c r="B695" s="254" t="s">
        <v>136</v>
      </c>
      <c r="C695" s="448" t="s">
        <v>217</v>
      </c>
      <c r="D695" s="2"/>
      <c r="E695" s="52"/>
      <c r="H695" s="510" t="s">
        <v>321</v>
      </c>
      <c r="I695" s="2"/>
      <c r="J695" s="43"/>
      <c r="K695" s="52"/>
    </row>
    <row r="696" spans="2:11" ht="38.4">
      <c r="B696" s="255"/>
      <c r="C696" s="253"/>
      <c r="D696" s="511" t="s">
        <v>973</v>
      </c>
      <c r="E696" s="68"/>
      <c r="H696" s="67"/>
      <c r="I696" s="25"/>
      <c r="J696" s="455" t="s">
        <v>976</v>
      </c>
      <c r="K696" s="233"/>
    </row>
    <row r="697" spans="2:11" ht="96">
      <c r="B697" s="255"/>
      <c r="C697" s="253"/>
      <c r="D697" s="496" t="s">
        <v>975</v>
      </c>
      <c r="E697" s="6"/>
      <c r="H697" s="252"/>
      <c r="I697" s="11"/>
      <c r="J697" s="457" t="s">
        <v>977</v>
      </c>
      <c r="K697" s="512" t="s">
        <v>978</v>
      </c>
    </row>
    <row r="698" spans="2:11" ht="19.2">
      <c r="B698" s="255"/>
      <c r="C698" s="253"/>
      <c r="D698" s="311" t="s">
        <v>974</v>
      </c>
      <c r="E698" s="6"/>
      <c r="H698" s="252"/>
      <c r="I698" s="11"/>
      <c r="J698" s="22"/>
      <c r="K698" s="6"/>
    </row>
    <row r="699" spans="2:11" ht="28.8">
      <c r="B699" s="255"/>
      <c r="C699" s="253"/>
      <c r="D699" s="134"/>
      <c r="E699" s="143"/>
      <c r="H699" s="145"/>
      <c r="I699" s="134"/>
      <c r="J699" s="202"/>
      <c r="K699" s="490" t="s">
        <v>1335</v>
      </c>
    </row>
    <row r="700" spans="2:11" ht="105" customHeight="1">
      <c r="B700" s="255"/>
      <c r="C700" s="253"/>
      <c r="D700" s="511" t="s">
        <v>1336</v>
      </c>
      <c r="E700" s="68"/>
      <c r="H700" s="67"/>
      <c r="I700" s="25"/>
      <c r="J700" s="44"/>
      <c r="K700" s="513" t="s">
        <v>781</v>
      </c>
    </row>
    <row r="701" spans="2:11" ht="57.6">
      <c r="B701" s="255"/>
      <c r="C701" s="253"/>
      <c r="D701" s="496" t="s">
        <v>780</v>
      </c>
      <c r="E701" s="6"/>
      <c r="H701" s="252"/>
      <c r="I701" s="11"/>
      <c r="J701" s="457" t="s">
        <v>782</v>
      </c>
      <c r="K701" s="6"/>
    </row>
    <row r="702" spans="2:11" ht="96">
      <c r="B702" s="255"/>
      <c r="C702" s="253"/>
      <c r="D702" s="134"/>
      <c r="E702" s="143"/>
      <c r="H702" s="145"/>
      <c r="I702" s="134"/>
      <c r="J702" s="453" t="s">
        <v>1337</v>
      </c>
      <c r="K702" s="143"/>
    </row>
    <row r="703" spans="2:11">
      <c r="B703" s="255"/>
      <c r="C703" s="253"/>
      <c r="D703" s="25"/>
      <c r="E703" s="68"/>
      <c r="H703" s="67"/>
      <c r="I703" s="25"/>
      <c r="J703" s="514" t="s">
        <v>1339</v>
      </c>
      <c r="K703" s="68"/>
    </row>
    <row r="704" spans="2:11" ht="28.8">
      <c r="B704" s="505"/>
      <c r="C704" s="503"/>
      <c r="D704" s="11" t="s">
        <v>1338</v>
      </c>
      <c r="E704" s="6"/>
      <c r="H704" s="502"/>
      <c r="I704" s="11"/>
      <c r="J704" s="11"/>
      <c r="K704" s="6"/>
    </row>
    <row r="705" spans="2:11" ht="28.8">
      <c r="B705" s="255"/>
      <c r="C705" s="253"/>
      <c r="D705" s="134"/>
      <c r="E705" s="143"/>
      <c r="H705" s="145"/>
      <c r="I705" s="134"/>
      <c r="J705" s="453" t="s">
        <v>1340</v>
      </c>
      <c r="K705" s="490" t="s">
        <v>1341</v>
      </c>
    </row>
    <row r="706" spans="2:11" ht="28.8">
      <c r="B706" s="255"/>
      <c r="C706" s="253"/>
      <c r="D706" s="25"/>
      <c r="E706" s="461" t="s">
        <v>981</v>
      </c>
      <c r="H706" s="67"/>
      <c r="I706" s="25"/>
      <c r="J706" s="44"/>
      <c r="K706" s="461" t="s">
        <v>979</v>
      </c>
    </row>
    <row r="707" spans="2:11" ht="67.2">
      <c r="B707" s="256"/>
      <c r="C707" s="259"/>
      <c r="D707" s="12"/>
      <c r="E707" s="53"/>
      <c r="H707" s="258"/>
      <c r="I707" s="12"/>
      <c r="J707" s="20"/>
      <c r="K707" s="53" t="s">
        <v>980</v>
      </c>
    </row>
    <row r="708" spans="2:11" ht="31.5" customHeight="1">
      <c r="B708" s="530" t="s">
        <v>137</v>
      </c>
      <c r="C708" s="346" t="s">
        <v>218</v>
      </c>
      <c r="D708" s="174"/>
      <c r="E708" s="55"/>
      <c r="H708" s="381" t="s">
        <v>322</v>
      </c>
      <c r="I708" s="3"/>
      <c r="J708" s="24"/>
      <c r="K708" s="55"/>
    </row>
    <row r="709" spans="2:11">
      <c r="B709" s="531"/>
      <c r="C709" s="507" t="s">
        <v>219</v>
      </c>
      <c r="D709" s="159"/>
      <c r="E709" s="272"/>
      <c r="H709" s="383" t="s">
        <v>323</v>
      </c>
      <c r="I709" s="10"/>
      <c r="J709" s="23"/>
      <c r="K709" s="272"/>
    </row>
    <row r="710" spans="2:11" ht="105.6">
      <c r="B710" s="532"/>
      <c r="C710" s="515" t="s">
        <v>220</v>
      </c>
      <c r="D710" s="160"/>
      <c r="E710" s="58"/>
      <c r="H710" s="516" t="s">
        <v>1342</v>
      </c>
      <c r="I710" s="4"/>
      <c r="J710" s="412" t="s">
        <v>1343</v>
      </c>
      <c r="K710" s="58"/>
    </row>
    <row r="711" spans="2:11" ht="147" customHeight="1">
      <c r="B711" s="90" t="s">
        <v>138</v>
      </c>
      <c r="C711" s="485" t="s">
        <v>221</v>
      </c>
      <c r="D711" s="132"/>
      <c r="E711" s="60"/>
      <c r="H711" s="265"/>
      <c r="I711" s="1"/>
      <c r="J711" s="47"/>
      <c r="K711" s="60"/>
    </row>
    <row r="712" spans="2:11" ht="201.6">
      <c r="B712" s="254" t="s">
        <v>139</v>
      </c>
      <c r="C712" s="346" t="s">
        <v>222</v>
      </c>
      <c r="D712" s="2"/>
      <c r="E712" s="52"/>
      <c r="H712" s="381" t="s">
        <v>1344</v>
      </c>
      <c r="I712" s="2" t="s">
        <v>1351</v>
      </c>
      <c r="J712" s="336" t="s">
        <v>1345</v>
      </c>
      <c r="K712" s="52"/>
    </row>
    <row r="713" spans="2:11" ht="57.6">
      <c r="B713" s="256"/>
      <c r="C713" s="259"/>
      <c r="D713" s="517" t="s">
        <v>267</v>
      </c>
      <c r="E713" s="53"/>
      <c r="H713" s="263"/>
      <c r="I713" s="12"/>
      <c r="J713" s="380" t="s">
        <v>982</v>
      </c>
      <c r="K713" s="53"/>
    </row>
    <row r="714" spans="2:11" ht="153.6">
      <c r="B714" s="90" t="s">
        <v>140</v>
      </c>
      <c r="C714" s="352" t="s">
        <v>1346</v>
      </c>
      <c r="D714" s="1"/>
      <c r="E714" s="60"/>
      <c r="H714" s="322" t="s">
        <v>1347</v>
      </c>
      <c r="I714" s="1" t="s">
        <v>1352</v>
      </c>
      <c r="J714" s="47"/>
      <c r="K714" s="60"/>
    </row>
    <row r="715" spans="2:11" ht="230.4">
      <c r="B715" s="90" t="s">
        <v>141</v>
      </c>
      <c r="C715" s="352" t="s">
        <v>1349</v>
      </c>
      <c r="D715" s="1"/>
      <c r="E715" s="60"/>
      <c r="H715" s="270"/>
      <c r="I715" s="1"/>
      <c r="J715" s="355" t="s">
        <v>1348</v>
      </c>
      <c r="K715" s="276"/>
    </row>
    <row r="716" spans="2:11" ht="115.2">
      <c r="B716" s="90" t="s">
        <v>142</v>
      </c>
      <c r="C716" s="352" t="s">
        <v>223</v>
      </c>
      <c r="D716" s="1"/>
      <c r="E716" s="60"/>
      <c r="H716" s="322" t="s">
        <v>332</v>
      </c>
      <c r="I716" s="1" t="s">
        <v>1350</v>
      </c>
      <c r="J716" s="355" t="s">
        <v>983</v>
      </c>
      <c r="K716" s="463" t="s">
        <v>1353</v>
      </c>
    </row>
    <row r="717" spans="2:11" ht="28.8">
      <c r="B717" s="254" t="s">
        <v>143</v>
      </c>
      <c r="C717" s="261" t="s">
        <v>224</v>
      </c>
      <c r="D717" s="2" t="s">
        <v>489</v>
      </c>
      <c r="E717" s="52"/>
      <c r="H717" s="267"/>
      <c r="I717" s="2"/>
      <c r="J717" s="43"/>
      <c r="K717" s="52"/>
    </row>
    <row r="718" spans="2:11" ht="19.2">
      <c r="B718" s="255"/>
      <c r="C718" s="253"/>
      <c r="D718" s="11"/>
      <c r="E718" s="6" t="s">
        <v>490</v>
      </c>
      <c r="H718" s="252"/>
      <c r="I718" s="11"/>
      <c r="J718" s="22"/>
      <c r="K718" s="6"/>
    </row>
    <row r="719" spans="2:11">
      <c r="B719" s="255"/>
      <c r="C719" s="253"/>
      <c r="D719" s="11"/>
      <c r="E719" s="6" t="s">
        <v>492</v>
      </c>
      <c r="H719" s="252"/>
      <c r="I719" s="11"/>
      <c r="J719" s="22"/>
      <c r="K719" s="6"/>
    </row>
    <row r="720" spans="2:11">
      <c r="B720" s="256"/>
      <c r="C720" s="259"/>
      <c r="D720" s="12"/>
      <c r="E720" s="53" t="s">
        <v>491</v>
      </c>
      <c r="H720" s="258"/>
      <c r="I720" s="12"/>
      <c r="J720" s="20"/>
      <c r="K720" s="53"/>
    </row>
    <row r="721" spans="2:11" ht="86.4">
      <c r="B721" s="254" t="s">
        <v>144</v>
      </c>
      <c r="C721" s="346" t="s">
        <v>225</v>
      </c>
      <c r="D721" s="340" t="s">
        <v>755</v>
      </c>
      <c r="E721" s="52"/>
      <c r="H721" s="267"/>
      <c r="I721" s="2"/>
      <c r="J721" s="336" t="s">
        <v>984</v>
      </c>
      <c r="K721" s="52"/>
    </row>
    <row r="722" spans="2:11">
      <c r="B722" s="256"/>
      <c r="C722" s="259"/>
      <c r="D722" s="517" t="s">
        <v>756</v>
      </c>
      <c r="E722" s="53"/>
      <c r="H722" s="258"/>
      <c r="I722" s="12"/>
      <c r="J722" s="380" t="s">
        <v>754</v>
      </c>
      <c r="K722" s="53"/>
    </row>
    <row r="723" spans="2:11" ht="105.6">
      <c r="B723" s="254" t="s">
        <v>145</v>
      </c>
      <c r="C723" s="519" t="s">
        <v>226</v>
      </c>
      <c r="D723" s="499" t="s">
        <v>268</v>
      </c>
      <c r="E723" s="52"/>
      <c r="H723" s="267"/>
      <c r="I723" s="2"/>
      <c r="J723" s="43"/>
      <c r="K723" s="52"/>
    </row>
    <row r="724" spans="2:11" ht="28.8">
      <c r="B724" s="256"/>
      <c r="C724" s="259"/>
      <c r="D724" s="12"/>
      <c r="E724" s="509" t="s">
        <v>493</v>
      </c>
      <c r="H724" s="252"/>
      <c r="I724" s="11"/>
      <c r="J724" s="22"/>
      <c r="K724" s="6"/>
    </row>
    <row r="725" spans="2:11" ht="28.8">
      <c r="B725" s="90" t="s">
        <v>146</v>
      </c>
      <c r="C725" s="271" t="s">
        <v>227</v>
      </c>
      <c r="D725" s="132"/>
      <c r="E725" s="60"/>
      <c r="H725" s="270"/>
      <c r="I725" s="1"/>
      <c r="J725" s="47"/>
      <c r="K725" s="60" t="s">
        <v>571</v>
      </c>
    </row>
    <row r="726" spans="2:11" ht="67.2">
      <c r="B726" s="90" t="s">
        <v>565</v>
      </c>
      <c r="C726" s="271"/>
      <c r="D726" s="132"/>
      <c r="E726" s="60"/>
      <c r="H726" s="258"/>
      <c r="I726" s="12"/>
      <c r="J726" s="20"/>
      <c r="K726" s="53" t="s">
        <v>567</v>
      </c>
    </row>
    <row r="727" spans="2:11" ht="39" thickBot="1">
      <c r="B727" s="238" t="s">
        <v>566</v>
      </c>
      <c r="C727" s="269"/>
      <c r="D727" s="239"/>
      <c r="E727" s="66"/>
      <c r="H727" s="14"/>
      <c r="I727" s="15"/>
      <c r="J727" s="81"/>
      <c r="K727" s="7" t="s">
        <v>568</v>
      </c>
    </row>
    <row r="728" spans="2:11" ht="15" thickTop="1">
      <c r="B728" s="34"/>
    </row>
    <row r="729" spans="2:11" ht="16.2">
      <c r="B729" s="278" t="s">
        <v>269</v>
      </c>
    </row>
    <row r="730" spans="2:11" ht="7.5" customHeight="1" thickBot="1">
      <c r="B730" s="34"/>
    </row>
    <row r="731" spans="2:11" ht="15" customHeight="1" thickTop="1" thickBot="1">
      <c r="B731" s="528" t="s">
        <v>0</v>
      </c>
      <c r="C731" s="529"/>
      <c r="D731" s="85" t="s">
        <v>158</v>
      </c>
      <c r="E731" s="86" t="s">
        <v>1</v>
      </c>
      <c r="H731" s="257" t="s">
        <v>274</v>
      </c>
      <c r="I731" s="85" t="s">
        <v>275</v>
      </c>
      <c r="J731" s="87" t="s">
        <v>276</v>
      </c>
      <c r="K731" s="86" t="s">
        <v>277</v>
      </c>
    </row>
    <row r="732" spans="2:11" ht="32.25" customHeight="1">
      <c r="B732" s="533" t="s">
        <v>147</v>
      </c>
      <c r="C732" s="534"/>
      <c r="D732" s="135"/>
      <c r="E732" s="6"/>
      <c r="H732" s="252"/>
      <c r="I732" s="11"/>
      <c r="J732" s="22"/>
      <c r="K732" s="6"/>
    </row>
    <row r="733" spans="2:11" ht="76.8">
      <c r="B733" s="504" t="s">
        <v>148</v>
      </c>
      <c r="C733" s="336" t="s">
        <v>156</v>
      </c>
      <c r="D733" s="2" t="s">
        <v>1354</v>
      </c>
      <c r="E733" s="299" t="s">
        <v>228</v>
      </c>
      <c r="H733" s="501"/>
      <c r="I733" s="2"/>
      <c r="J733" s="336" t="s">
        <v>757</v>
      </c>
      <c r="K733" s="52"/>
    </row>
    <row r="734" spans="2:11" ht="19.2">
      <c r="B734" s="506"/>
      <c r="C734" s="515"/>
      <c r="D734" s="518" t="s">
        <v>1355</v>
      </c>
      <c r="E734" s="53"/>
      <c r="H734" s="500"/>
      <c r="I734" s="12"/>
      <c r="J734" s="521"/>
      <c r="K734" s="53"/>
    </row>
    <row r="735" spans="2:11" ht="57.6">
      <c r="B735" s="90" t="s">
        <v>149</v>
      </c>
      <c r="C735" s="485" t="s">
        <v>150</v>
      </c>
      <c r="D735" s="486" t="s">
        <v>270</v>
      </c>
      <c r="E735" s="520" t="s">
        <v>229</v>
      </c>
      <c r="H735" s="270"/>
      <c r="I735" s="277"/>
      <c r="J735" s="275"/>
      <c r="K735" s="276"/>
    </row>
    <row r="736" spans="2:11" ht="105.6">
      <c r="B736" s="254" t="s">
        <v>151</v>
      </c>
      <c r="C736" s="346" t="s">
        <v>152</v>
      </c>
      <c r="D736" s="340" t="s">
        <v>271</v>
      </c>
      <c r="E736" s="299" t="s">
        <v>495</v>
      </c>
      <c r="H736" s="267"/>
      <c r="I736" s="2"/>
      <c r="J736" s="336" t="s">
        <v>784</v>
      </c>
      <c r="K736" s="52"/>
    </row>
    <row r="737" spans="2:11" ht="96">
      <c r="B737" s="255"/>
      <c r="C737" s="253"/>
      <c r="D737" s="11"/>
      <c r="E737" s="6"/>
      <c r="H737" s="252"/>
      <c r="I737" s="11"/>
      <c r="J737" s="22"/>
      <c r="K737" s="305" t="s">
        <v>711</v>
      </c>
    </row>
    <row r="738" spans="2:11" ht="76.8">
      <c r="B738" s="256"/>
      <c r="C738" s="259"/>
      <c r="D738" s="12"/>
      <c r="E738" s="366" t="s">
        <v>710</v>
      </c>
      <c r="H738" s="258"/>
      <c r="I738" s="12"/>
      <c r="J738" s="20"/>
      <c r="K738" s="366" t="s">
        <v>1356</v>
      </c>
    </row>
    <row r="739" spans="2:11" ht="96">
      <c r="B739" s="90" t="s">
        <v>783</v>
      </c>
      <c r="C739" s="271"/>
      <c r="D739" s="1"/>
      <c r="E739" s="60"/>
      <c r="H739" s="270"/>
      <c r="I739" s="1"/>
      <c r="J739" s="47"/>
      <c r="K739" s="463" t="s">
        <v>1357</v>
      </c>
    </row>
    <row r="740" spans="2:11" ht="38.4">
      <c r="B740" s="254" t="s">
        <v>153</v>
      </c>
      <c r="C740" s="519" t="s">
        <v>154</v>
      </c>
      <c r="D740" s="76"/>
      <c r="E740" s="299" t="s">
        <v>230</v>
      </c>
      <c r="H740" s="267"/>
      <c r="I740" s="2"/>
      <c r="J740" s="43"/>
      <c r="K740" s="52"/>
    </row>
    <row r="741" spans="2:11" ht="19.8" thickBot="1">
      <c r="B741" s="260"/>
      <c r="C741" s="262"/>
      <c r="D741" s="15"/>
      <c r="E741" s="359" t="s">
        <v>494</v>
      </c>
      <c r="H741" s="14"/>
      <c r="I741" s="15"/>
      <c r="J741" s="81"/>
      <c r="K741" s="7"/>
    </row>
    <row r="742" spans="2:11" ht="15" thickTop="1">
      <c r="B742" s="34"/>
    </row>
    <row r="743" spans="2:11" ht="16.2">
      <c r="B743" s="278" t="s">
        <v>272</v>
      </c>
    </row>
    <row r="744" spans="2:11" ht="7.5" customHeight="1" thickBot="1">
      <c r="B744" s="34"/>
    </row>
    <row r="745" spans="2:11" ht="15" customHeight="1" thickTop="1" thickBot="1">
      <c r="B745" s="528" t="s">
        <v>0</v>
      </c>
      <c r="C745" s="529"/>
      <c r="D745" s="85" t="s">
        <v>158</v>
      </c>
      <c r="E745" s="86" t="s">
        <v>1</v>
      </c>
      <c r="H745" s="257" t="s">
        <v>274</v>
      </c>
      <c r="I745" s="85" t="s">
        <v>275</v>
      </c>
      <c r="J745" s="87" t="s">
        <v>276</v>
      </c>
      <c r="K745" s="86" t="s">
        <v>277</v>
      </c>
    </row>
    <row r="746" spans="2:11" ht="38.4">
      <c r="B746" s="524" t="s">
        <v>155</v>
      </c>
      <c r="C746" s="525"/>
      <c r="D746" s="11" t="s">
        <v>273</v>
      </c>
      <c r="E746" s="13"/>
      <c r="H746" s="252"/>
      <c r="I746" s="11"/>
      <c r="J746" s="22"/>
      <c r="K746" s="6"/>
    </row>
    <row r="747" spans="2:11" ht="19.8" thickBot="1">
      <c r="B747" s="235"/>
      <c r="C747" s="236"/>
      <c r="D747" s="15" t="s">
        <v>496</v>
      </c>
      <c r="E747" s="237"/>
      <c r="H747" s="14"/>
      <c r="I747" s="15"/>
      <c r="J747" s="81"/>
      <c r="K747" s="7"/>
    </row>
    <row r="748" spans="2:11" ht="15" thickTop="1">
      <c r="B748" s="34"/>
    </row>
    <row r="749" spans="2:11">
      <c r="B749" s="34"/>
    </row>
    <row r="750" spans="2:11">
      <c r="B750" s="34"/>
    </row>
    <row r="751" spans="2:11">
      <c r="B751" s="34"/>
    </row>
    <row r="752" spans="2:11">
      <c r="B752" s="34"/>
    </row>
    <row r="753" spans="2:11">
      <c r="B753" s="34"/>
    </row>
    <row r="754" spans="2:11">
      <c r="B754" s="34"/>
    </row>
    <row r="755" spans="2:11">
      <c r="B755" s="34"/>
    </row>
    <row r="756" spans="2:11">
      <c r="B756" s="34"/>
    </row>
    <row r="757" spans="2:11">
      <c r="B757" s="34"/>
    </row>
    <row r="758" spans="2:11">
      <c r="B758" s="34"/>
    </row>
    <row r="759" spans="2:11">
      <c r="B759" s="34"/>
    </row>
    <row r="760" spans="2:11" s="28" customFormat="1">
      <c r="B760" s="34"/>
      <c r="F760" s="5"/>
      <c r="G760" s="5"/>
      <c r="H760" s="29"/>
      <c r="I760" s="29"/>
      <c r="J760" s="29"/>
      <c r="K760" s="29"/>
    </row>
    <row r="761" spans="2:11" s="28" customFormat="1">
      <c r="B761" s="34"/>
      <c r="F761" s="5"/>
      <c r="G761" s="5"/>
      <c r="H761" s="29"/>
      <c r="I761" s="29"/>
      <c r="J761" s="29"/>
      <c r="K761" s="29"/>
    </row>
    <row r="762" spans="2:11" s="28" customFormat="1">
      <c r="B762" s="34"/>
      <c r="F762" s="5"/>
      <c r="G762" s="5"/>
      <c r="H762" s="29"/>
      <c r="I762" s="29"/>
      <c r="J762" s="29"/>
      <c r="K762" s="29"/>
    </row>
    <row r="763" spans="2:11" s="28" customFormat="1">
      <c r="B763" s="34"/>
      <c r="F763" s="5"/>
      <c r="G763" s="5"/>
      <c r="H763" s="29"/>
      <c r="I763" s="29"/>
      <c r="J763" s="29"/>
      <c r="K763" s="29"/>
    </row>
    <row r="764" spans="2:11" s="28" customFormat="1">
      <c r="B764" s="34"/>
      <c r="F764" s="5"/>
      <c r="G764" s="5"/>
      <c r="H764" s="29"/>
      <c r="I764" s="29"/>
      <c r="J764" s="29"/>
      <c r="K764" s="29"/>
    </row>
    <row r="765" spans="2:11" s="28" customFormat="1">
      <c r="B765" s="34"/>
      <c r="F765" s="5"/>
      <c r="G765" s="5"/>
      <c r="H765" s="29"/>
      <c r="I765" s="29"/>
      <c r="J765" s="29"/>
      <c r="K765" s="29"/>
    </row>
    <row r="766" spans="2:11" s="28" customFormat="1">
      <c r="B766" s="34"/>
      <c r="F766" s="5"/>
      <c r="G766" s="5"/>
      <c r="H766" s="29"/>
      <c r="I766" s="29"/>
      <c r="J766" s="29"/>
      <c r="K766" s="29"/>
    </row>
    <row r="767" spans="2:11" s="28" customFormat="1">
      <c r="B767" s="34"/>
      <c r="F767" s="5"/>
      <c r="G767" s="5"/>
      <c r="H767" s="29"/>
      <c r="I767" s="29"/>
      <c r="J767" s="29"/>
      <c r="K767" s="29"/>
    </row>
    <row r="768" spans="2:11" s="28" customFormat="1">
      <c r="B768" s="34"/>
      <c r="F768" s="5"/>
      <c r="G768" s="5"/>
      <c r="H768" s="29"/>
      <c r="I768" s="29"/>
      <c r="J768" s="29"/>
      <c r="K768" s="29"/>
    </row>
    <row r="769" spans="2:11" s="28" customFormat="1">
      <c r="B769" s="34"/>
      <c r="F769" s="5"/>
      <c r="G769" s="5"/>
      <c r="H769" s="29"/>
      <c r="I769" s="29"/>
      <c r="J769" s="29"/>
      <c r="K769" s="29"/>
    </row>
    <row r="770" spans="2:11" s="28" customFormat="1">
      <c r="B770" s="34"/>
      <c r="F770" s="5"/>
      <c r="G770" s="5"/>
      <c r="H770" s="29"/>
      <c r="I770" s="29"/>
      <c r="J770" s="29"/>
      <c r="K770" s="29"/>
    </row>
    <row r="771" spans="2:11" s="28" customFormat="1">
      <c r="B771" s="34"/>
      <c r="F771" s="5"/>
      <c r="G771" s="5"/>
      <c r="H771" s="29"/>
      <c r="I771" s="29"/>
      <c r="J771" s="29"/>
      <c r="K771" s="29"/>
    </row>
    <row r="772" spans="2:11" s="28" customFormat="1">
      <c r="B772" s="34"/>
      <c r="F772" s="5"/>
      <c r="G772" s="5"/>
      <c r="H772" s="29"/>
      <c r="I772" s="29"/>
      <c r="J772" s="29"/>
      <c r="K772" s="29"/>
    </row>
    <row r="773" spans="2:11" s="28" customFormat="1">
      <c r="B773" s="34"/>
      <c r="F773" s="5"/>
      <c r="G773" s="5"/>
      <c r="H773" s="29"/>
      <c r="I773" s="29"/>
      <c r="J773" s="29"/>
      <c r="K773" s="29"/>
    </row>
    <row r="774" spans="2:11" s="28" customFormat="1">
      <c r="B774" s="34"/>
      <c r="F774" s="5"/>
      <c r="G774" s="5"/>
      <c r="H774" s="29"/>
      <c r="I774" s="29"/>
      <c r="J774" s="29"/>
      <c r="K774" s="29"/>
    </row>
    <row r="775" spans="2:11" s="28" customFormat="1">
      <c r="B775" s="34"/>
      <c r="F775" s="5"/>
      <c r="G775" s="5"/>
      <c r="H775" s="29"/>
      <c r="I775" s="29"/>
      <c r="J775" s="29"/>
      <c r="K775" s="29"/>
    </row>
    <row r="776" spans="2:11" s="28" customFormat="1">
      <c r="B776" s="34"/>
      <c r="F776" s="5"/>
      <c r="G776" s="5"/>
      <c r="H776" s="29"/>
      <c r="I776" s="29"/>
      <c r="J776" s="29"/>
      <c r="K776" s="29"/>
    </row>
  </sheetData>
  <mergeCells count="62">
    <mergeCell ref="B60:C60"/>
    <mergeCell ref="B6:C6"/>
    <mergeCell ref="B7:C7"/>
    <mergeCell ref="B27:C27"/>
    <mergeCell ref="B37:B41"/>
    <mergeCell ref="B56:C56"/>
    <mergeCell ref="B208:C208"/>
    <mergeCell ref="B61:C61"/>
    <mergeCell ref="B84:C84"/>
    <mergeCell ref="B85:C85"/>
    <mergeCell ref="B108:C108"/>
    <mergeCell ref="B109:C109"/>
    <mergeCell ref="B139:C139"/>
    <mergeCell ref="B146:C146"/>
    <mergeCell ref="B147:C147"/>
    <mergeCell ref="B158:C158"/>
    <mergeCell ref="B178:C178"/>
    <mergeCell ref="B179:C179"/>
    <mergeCell ref="J370:K370"/>
    <mergeCell ref="B212:C212"/>
    <mergeCell ref="B213:C213"/>
    <mergeCell ref="B253:C253"/>
    <mergeCell ref="J269:K269"/>
    <mergeCell ref="B270:C270"/>
    <mergeCell ref="B271:C271"/>
    <mergeCell ref="B329:C329"/>
    <mergeCell ref="H329:K329"/>
    <mergeCell ref="B368:C368"/>
    <mergeCell ref="B369:C369"/>
    <mergeCell ref="J369:K369"/>
    <mergeCell ref="B575:C575"/>
    <mergeCell ref="J371:K371"/>
    <mergeCell ref="B416:C416"/>
    <mergeCell ref="B429:C429"/>
    <mergeCell ref="B430:C430"/>
    <mergeCell ref="B497:C497"/>
    <mergeCell ref="B498:C498"/>
    <mergeCell ref="J498:K498"/>
    <mergeCell ref="B526:C526"/>
    <mergeCell ref="B527:C527"/>
    <mergeCell ref="B555:C555"/>
    <mergeCell ref="B556:C556"/>
    <mergeCell ref="J556:K556"/>
    <mergeCell ref="B676:C676"/>
    <mergeCell ref="B584:C584"/>
    <mergeCell ref="B596:C596"/>
    <mergeCell ref="B601:C601"/>
    <mergeCell ref="B634:C634"/>
    <mergeCell ref="B635:C635"/>
    <mergeCell ref="B648:C648"/>
    <mergeCell ref="B649:C649"/>
    <mergeCell ref="B655:B662"/>
    <mergeCell ref="C655:C662"/>
    <mergeCell ref="B666:C666"/>
    <mergeCell ref="B667:C667"/>
    <mergeCell ref="B746:C746"/>
    <mergeCell ref="B679:C679"/>
    <mergeCell ref="B690:C690"/>
    <mergeCell ref="B708:B710"/>
    <mergeCell ref="B731:C731"/>
    <mergeCell ref="B732:C732"/>
    <mergeCell ref="B745:C745"/>
  </mergeCells>
  <phoneticPr fontId="1"/>
  <pageMargins left="0.70866141732283472" right="0.70866141732283472" top="0.74803149606299213" bottom="0.74803149606299213" header="0.31496062992125984" footer="0.31496062992125984"/>
  <pageSetup paperSize="8" scale="63" fitToHeight="0" orientation="landscape" r:id="rId1"/>
  <headerFooter>
    <oddFooter>&amp;P / &amp;N ページ</oddFooter>
  </headerFooter>
  <rowBreaks count="37" manualBreakCount="37">
    <brk id="26" max="11" man="1"/>
    <brk id="48" max="11" man="1"/>
    <brk id="57" max="11" man="1"/>
    <brk id="81" max="11" man="1"/>
    <brk id="105" max="11" man="1"/>
    <brk id="135" max="11" man="1"/>
    <brk id="143" max="11" man="1"/>
    <brk id="171" max="11" man="1"/>
    <brk id="175" max="11" man="1"/>
    <brk id="209" max="11" man="1"/>
    <brk id="232" max="11" man="1"/>
    <brk id="250" max="11" man="1"/>
    <brk id="267" max="11" man="1"/>
    <brk id="283" max="11" man="1"/>
    <brk id="307" max="11" man="1"/>
    <brk id="328" max="11" man="1"/>
    <brk id="354" max="11" man="1"/>
    <brk id="365" max="11" man="1"/>
    <brk id="379" max="11" man="1"/>
    <brk id="413" max="11" man="1"/>
    <brk id="426" max="11" man="1"/>
    <brk id="454" max="11" man="1"/>
    <brk id="463" max="11" man="1"/>
    <brk id="494" max="11" man="1"/>
    <brk id="516" max="11" man="1"/>
    <brk id="523" max="11" man="1"/>
    <brk id="544" max="11" man="1"/>
    <brk id="552" max="11" man="1"/>
    <brk id="574" max="11" man="1"/>
    <brk id="598" max="11" man="1"/>
    <brk id="624" max="11" man="1"/>
    <brk id="631" max="11" man="1"/>
    <brk id="645" max="11" man="1"/>
    <brk id="663" max="11" man="1"/>
    <brk id="687" max="11" man="1"/>
    <brk id="716" max="11" man="1"/>
    <brk id="728" max="11"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条文版 </vt:lpstr>
      <vt:lpstr>'条文版 '!Print_Area</vt:lpstr>
      <vt:lpstr>'条文版 '!Print_Titles</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岩田直人</dc:creator>
  <cp:lastModifiedBy>井出実里</cp:lastModifiedBy>
  <cp:lastPrinted>2022-07-22T10:32:33Z</cp:lastPrinted>
  <dcterms:created xsi:type="dcterms:W3CDTF">2021-10-26T04:23:13Z</dcterms:created>
  <dcterms:modified xsi:type="dcterms:W3CDTF">2022-08-08T00:28:32Z</dcterms:modified>
</cp:coreProperties>
</file>